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79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54654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0435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00512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86232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66706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55087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0527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66309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4637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17511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19676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03/03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58761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slideLayout" Target="../slideLayouts/slideLayout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F270197C-7F83-8575-0387-B63F7D4AE69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185351a88b43462d997653ba565f040c_BackgroundRectangle">
            <a:extLst>
              <a:ext uri="{FF2B5EF4-FFF2-40B4-BE49-F238E27FC236}">
                <a16:creationId xmlns:a16="http://schemas.microsoft.com/office/drawing/2014/main" id="{53E34503-2ED7-F085-6D77-22205711A08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03770"/>
            <a:ext cx="11290300" cy="765387"/>
          </a:xfrm>
          <a:prstGeom prst="rect">
            <a:avLst/>
          </a:prstGeom>
          <a:solidFill>
            <a:srgbClr val="C8C8C8">
              <a:alpha val="22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" name="OTLSHAPE_SL_6884b2cf3b0141bf8ba76de1f41e68d9_BackgroundRectangle">
            <a:extLst>
              <a:ext uri="{FF2B5EF4-FFF2-40B4-BE49-F238E27FC236}">
                <a16:creationId xmlns:a16="http://schemas.microsoft.com/office/drawing/2014/main" id="{1C42C7E1-BC45-592B-0DBB-238526386D3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507257"/>
            <a:ext cx="112903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" name="OTLSHAPE_SL_68fd475c18284c8a8c203da9040e6fc3_BackgroundRectangle">
            <a:extLst>
              <a:ext uri="{FF2B5EF4-FFF2-40B4-BE49-F238E27FC236}">
                <a16:creationId xmlns:a16="http://schemas.microsoft.com/office/drawing/2014/main" id="{7C703B55-9F13-7691-F802-5D5CFEE5964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47100"/>
            <a:ext cx="112903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" name="OTLSHAPE_SL_69d22243a932458c91a2b0a297c0915b_BackgroundRectangle">
            <a:extLst>
              <a:ext uri="{FF2B5EF4-FFF2-40B4-BE49-F238E27FC236}">
                <a16:creationId xmlns:a16="http://schemas.microsoft.com/office/drawing/2014/main" id="{15B9D817-D14E-21B7-25FC-493F31B5653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440537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5" name="OTLSHAPE_SL_e38e0aa62bdb42dd8746625fcd2e9839_BackgroundRectangle">
            <a:extLst>
              <a:ext uri="{FF2B5EF4-FFF2-40B4-BE49-F238E27FC236}">
                <a16:creationId xmlns:a16="http://schemas.microsoft.com/office/drawing/2014/main" id="{951DD0AC-96C8-ED3F-ECA9-06E76C2C2AD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42593"/>
            <a:ext cx="11290300" cy="116001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" name="OTLSHAPE_SL2A_971e89af41494306aadfa50dfc262bc0_BackgroundRectangle" hidden="1">
            <a:extLst>
              <a:ext uri="{FF2B5EF4-FFF2-40B4-BE49-F238E27FC236}">
                <a16:creationId xmlns:a16="http://schemas.microsoft.com/office/drawing/2014/main" id="{813CC6FB-94F9-BC0A-7A41-6A5F0D3E670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2703770"/>
            <a:ext cx="10388600" cy="76538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8" name="OTLSHAPE_SL2A_1eb6959867c741459f0128d25a1df85d_BackgroundRectangle" hidden="1">
            <a:extLst>
              <a:ext uri="{FF2B5EF4-FFF2-40B4-BE49-F238E27FC236}">
                <a16:creationId xmlns:a16="http://schemas.microsoft.com/office/drawing/2014/main" id="{F17BAE4C-CCD6-9708-D489-EE17C9EF9E1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3507257"/>
            <a:ext cx="103886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8" name="OTLSHAPE_SL2A_cc1e1bc625b240b39fbd32644d47471d_BackgroundRectangle" hidden="1">
            <a:extLst>
              <a:ext uri="{FF2B5EF4-FFF2-40B4-BE49-F238E27FC236}">
                <a16:creationId xmlns:a16="http://schemas.microsoft.com/office/drawing/2014/main" id="{0C67191A-41BD-FE9A-D8CE-9D3B912DD2E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947100"/>
            <a:ext cx="103886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6" name="OTLSHAPE_SL2A_e07ffdcded33427fb6e662136ec1407d_BackgroundRectangle" hidden="1">
            <a:extLst>
              <a:ext uri="{FF2B5EF4-FFF2-40B4-BE49-F238E27FC236}">
                <a16:creationId xmlns:a16="http://schemas.microsoft.com/office/drawing/2014/main" id="{FFA8364D-4E78-4E61-235F-9865F4B298A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5200" y="4440537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4" name="OTLSHAPE_SL2A_047a321f8d5a461883754ef8dd098ea5_BackgroundRectangle" hidden="1">
            <a:extLst>
              <a:ext uri="{FF2B5EF4-FFF2-40B4-BE49-F238E27FC236}">
                <a16:creationId xmlns:a16="http://schemas.microsoft.com/office/drawing/2014/main" id="{59812B13-3595-59C7-9CE2-19C87B6A349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5142593"/>
            <a:ext cx="10388600" cy="116001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04907C7-A1DF-F7C4-5A13-4541E2053F3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74534" y="224724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1C6D814-FFF8-ED57-1574-4884925283C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8" name="OTLSHAPE_D_ed89ea2bc36a47b998243af744fd78ae_Line">
            <a:extLst>
              <a:ext uri="{FF2B5EF4-FFF2-40B4-BE49-F238E27FC236}">
                <a16:creationId xmlns:a16="http://schemas.microsoft.com/office/drawing/2014/main" id="{5CFF0BB1-BF0D-8D4A-D9AB-842D3C439F3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71987" y="2827130"/>
            <a:ext cx="160453" cy="363644"/>
          </a:xfrm>
          <a:custGeom>
            <a:avLst/>
            <a:gdLst/>
            <a:ahLst/>
            <a:cxnLst/>
            <a:rect l="0" t="0" r="0" b="0"/>
            <a:pathLst>
              <a:path w="160453" h="363644">
                <a:moveTo>
                  <a:pt x="103302" y="0"/>
                </a:moveTo>
                <a:lnTo>
                  <a:pt x="122352" y="0"/>
                </a:lnTo>
                <a:cubicBezTo>
                  <a:pt x="160452" y="0"/>
                  <a:pt x="160452" y="38100"/>
                  <a:pt x="160452" y="38100"/>
                </a:cubicBezTo>
                <a:lnTo>
                  <a:pt x="160452" y="221234"/>
                </a:lnTo>
                <a:cubicBezTo>
                  <a:pt x="160452" y="259334"/>
                  <a:pt x="122352" y="259334"/>
                  <a:pt x="122352" y="259334"/>
                </a:cubicBezTo>
                <a:lnTo>
                  <a:pt x="38100" y="259334"/>
                </a:lnTo>
                <a:cubicBezTo>
                  <a:pt x="0" y="259334"/>
                  <a:pt x="0" y="297434"/>
                  <a:pt x="0" y="297434"/>
                </a:cubicBezTo>
                <a:lnTo>
                  <a:pt x="0" y="325543"/>
                </a:lnTo>
                <a:cubicBezTo>
                  <a:pt x="0" y="363643"/>
                  <a:pt x="38100" y="363643"/>
                  <a:pt x="38100" y="363643"/>
                </a:cubicBezTo>
                <a:lnTo>
                  <a:pt x="103344" y="3636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D_afe41d8653e345ec891553447ed173f1_Line">
            <a:extLst>
              <a:ext uri="{FF2B5EF4-FFF2-40B4-BE49-F238E27FC236}">
                <a16:creationId xmlns:a16="http://schemas.microsoft.com/office/drawing/2014/main" id="{20752062-34DF-C212-5333-17F1675618A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21380" y="3190773"/>
            <a:ext cx="160453" cy="439844"/>
          </a:xfrm>
          <a:custGeom>
            <a:avLst/>
            <a:gdLst/>
            <a:ahLst/>
            <a:cxnLst/>
            <a:rect l="0" t="0" r="0" b="0"/>
            <a:pathLst>
              <a:path w="160453" h="439844">
                <a:moveTo>
                  <a:pt x="103302" y="0"/>
                </a:moveTo>
                <a:lnTo>
                  <a:pt x="122352" y="0"/>
                </a:lnTo>
                <a:cubicBezTo>
                  <a:pt x="160452" y="0"/>
                  <a:pt x="160452" y="38100"/>
                  <a:pt x="160452" y="38100"/>
                </a:cubicBezTo>
                <a:lnTo>
                  <a:pt x="160452" y="221234"/>
                </a:lnTo>
                <a:cubicBezTo>
                  <a:pt x="160452" y="259334"/>
                  <a:pt x="122352" y="259334"/>
                  <a:pt x="122352" y="259334"/>
                </a:cubicBezTo>
                <a:lnTo>
                  <a:pt x="38100" y="259334"/>
                </a:lnTo>
                <a:cubicBezTo>
                  <a:pt x="0" y="259334"/>
                  <a:pt x="0" y="297434"/>
                  <a:pt x="0" y="297434"/>
                </a:cubicBezTo>
                <a:lnTo>
                  <a:pt x="0" y="401743"/>
                </a:lnTo>
                <a:cubicBezTo>
                  <a:pt x="0" y="439843"/>
                  <a:pt x="38100" y="439843"/>
                  <a:pt x="38100" y="439843"/>
                </a:cubicBezTo>
                <a:lnTo>
                  <a:pt x="103344" y="4398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D_42229da966ee40c5b3e379849d60d031_Line">
            <a:extLst>
              <a:ext uri="{FF2B5EF4-FFF2-40B4-BE49-F238E27FC236}">
                <a16:creationId xmlns:a16="http://schemas.microsoft.com/office/drawing/2014/main" id="{F4A2B18B-59E9-31F3-0BFB-A8D64AD4DD3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618249" y="3630616"/>
            <a:ext cx="488393" cy="439845"/>
          </a:xfrm>
          <a:custGeom>
            <a:avLst/>
            <a:gdLst/>
            <a:ahLst/>
            <a:cxnLst/>
            <a:rect l="0" t="0" r="0" b="0"/>
            <a:pathLst>
              <a:path w="488393" h="439845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221234"/>
                </a:lnTo>
                <a:cubicBezTo>
                  <a:pt x="57150" y="259334"/>
                  <a:pt x="95250" y="259334"/>
                  <a:pt x="95250" y="259334"/>
                </a:cubicBezTo>
                <a:lnTo>
                  <a:pt x="346948" y="259334"/>
                </a:lnTo>
                <a:cubicBezTo>
                  <a:pt x="385048" y="259334"/>
                  <a:pt x="385048" y="297434"/>
                  <a:pt x="385048" y="297434"/>
                </a:cubicBezTo>
                <a:lnTo>
                  <a:pt x="385048" y="401744"/>
                </a:lnTo>
                <a:cubicBezTo>
                  <a:pt x="385048" y="439844"/>
                  <a:pt x="423148" y="439844"/>
                  <a:pt x="423148" y="439844"/>
                </a:cubicBezTo>
                <a:lnTo>
                  <a:pt x="488392" y="43984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D_50655e4f04204b79aff823e00c9265a8_Line">
            <a:extLst>
              <a:ext uri="{FF2B5EF4-FFF2-40B4-BE49-F238E27FC236}">
                <a16:creationId xmlns:a16="http://schemas.microsoft.com/office/drawing/2014/main" id="{7DF77E37-6169-FC8F-1839-EC310E2C61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39122" y="4070460"/>
            <a:ext cx="427350" cy="208619"/>
          </a:xfrm>
          <a:custGeom>
            <a:avLst/>
            <a:gdLst/>
            <a:ahLst/>
            <a:cxnLst/>
            <a:rect l="0" t="0" r="0" b="0"/>
            <a:pathLst>
              <a:path w="427350" h="208619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66209"/>
                </a:lnTo>
                <a:cubicBezTo>
                  <a:pt x="57150" y="104309"/>
                  <a:pt x="95250" y="104309"/>
                  <a:pt x="95250" y="104309"/>
                </a:cubicBezTo>
                <a:lnTo>
                  <a:pt x="285905" y="104309"/>
                </a:lnTo>
                <a:cubicBezTo>
                  <a:pt x="324005" y="104309"/>
                  <a:pt x="324005" y="142409"/>
                  <a:pt x="324005" y="142409"/>
                </a:cubicBezTo>
                <a:lnTo>
                  <a:pt x="324005" y="170518"/>
                </a:lnTo>
                <a:cubicBezTo>
                  <a:pt x="324005" y="208618"/>
                  <a:pt x="362105" y="208618"/>
                  <a:pt x="362105" y="208618"/>
                </a:cubicBezTo>
                <a:lnTo>
                  <a:pt x="427349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D_628154f7a6a74021ac71d963e8094291_Line">
            <a:extLst>
              <a:ext uri="{FF2B5EF4-FFF2-40B4-BE49-F238E27FC236}">
                <a16:creationId xmlns:a16="http://schemas.microsoft.com/office/drawing/2014/main" id="{6C8EACB8-D4BB-1890-25D6-21891CE62DA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487301" y="4279078"/>
            <a:ext cx="427349" cy="284820"/>
          </a:xfrm>
          <a:custGeom>
            <a:avLst/>
            <a:gdLst/>
            <a:ahLst/>
            <a:cxnLst/>
            <a:rect l="0" t="0" r="0" b="0"/>
            <a:pathLst>
              <a:path w="427349" h="284820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66209"/>
                </a:lnTo>
                <a:cubicBezTo>
                  <a:pt x="57150" y="104309"/>
                  <a:pt x="95250" y="104309"/>
                  <a:pt x="95250" y="104309"/>
                </a:cubicBezTo>
                <a:lnTo>
                  <a:pt x="285905" y="104309"/>
                </a:lnTo>
                <a:cubicBezTo>
                  <a:pt x="324005" y="104309"/>
                  <a:pt x="324005" y="142409"/>
                  <a:pt x="324005" y="142409"/>
                </a:cubicBezTo>
                <a:lnTo>
                  <a:pt x="324005" y="246719"/>
                </a:lnTo>
                <a:cubicBezTo>
                  <a:pt x="324005" y="284819"/>
                  <a:pt x="362105" y="284819"/>
                  <a:pt x="362105" y="284819"/>
                </a:cubicBezTo>
                <a:lnTo>
                  <a:pt x="427348" y="2848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D_7433d1a802c848298fca8bf0056a7ad2_Line">
            <a:extLst>
              <a:ext uri="{FF2B5EF4-FFF2-40B4-BE49-F238E27FC236}">
                <a16:creationId xmlns:a16="http://schemas.microsoft.com/office/drawing/2014/main" id="{78AE5684-9DE1-0DFE-1B94-C475D4A9665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487301" y="4279078"/>
            <a:ext cx="549437" cy="493439"/>
          </a:xfrm>
          <a:custGeom>
            <a:avLst/>
            <a:gdLst/>
            <a:ahLst/>
            <a:cxnLst/>
            <a:rect l="0" t="0" r="0" b="0"/>
            <a:pathLst>
              <a:path w="549437" h="493439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66209"/>
                </a:lnTo>
                <a:cubicBezTo>
                  <a:pt x="57150" y="104309"/>
                  <a:pt x="95250" y="104309"/>
                  <a:pt x="95250" y="104309"/>
                </a:cubicBezTo>
                <a:lnTo>
                  <a:pt x="407992" y="104309"/>
                </a:lnTo>
                <a:cubicBezTo>
                  <a:pt x="446092" y="104309"/>
                  <a:pt x="446092" y="142409"/>
                  <a:pt x="446092" y="142409"/>
                </a:cubicBezTo>
                <a:lnTo>
                  <a:pt x="446092" y="455338"/>
                </a:lnTo>
                <a:cubicBezTo>
                  <a:pt x="446092" y="493438"/>
                  <a:pt x="484192" y="493438"/>
                  <a:pt x="484192" y="493438"/>
                </a:cubicBezTo>
                <a:lnTo>
                  <a:pt x="549436" y="49343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D_0388c0f9b4ac4127920025b0d209116e_Line">
            <a:extLst>
              <a:ext uri="{FF2B5EF4-FFF2-40B4-BE49-F238E27FC236}">
                <a16:creationId xmlns:a16="http://schemas.microsoft.com/office/drawing/2014/main" id="{D0467062-5794-D7E1-BFF8-E4D60CCE142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487301" y="4279078"/>
            <a:ext cx="2014485" cy="702057"/>
          </a:xfrm>
          <a:custGeom>
            <a:avLst/>
            <a:gdLst/>
            <a:ahLst/>
            <a:cxnLst/>
            <a:rect l="0" t="0" r="0" b="0"/>
            <a:pathLst>
              <a:path w="2014485" h="702057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66209"/>
                </a:lnTo>
                <a:cubicBezTo>
                  <a:pt x="57150" y="104309"/>
                  <a:pt x="95250" y="104309"/>
                  <a:pt x="95250" y="104309"/>
                </a:cubicBezTo>
                <a:lnTo>
                  <a:pt x="1873040" y="104309"/>
                </a:lnTo>
                <a:cubicBezTo>
                  <a:pt x="1911140" y="104309"/>
                  <a:pt x="1911140" y="142409"/>
                  <a:pt x="1911140" y="142409"/>
                </a:cubicBezTo>
                <a:lnTo>
                  <a:pt x="1911140" y="663956"/>
                </a:lnTo>
                <a:cubicBezTo>
                  <a:pt x="1911140" y="702056"/>
                  <a:pt x="1949240" y="702056"/>
                  <a:pt x="1949240" y="702056"/>
                </a:cubicBezTo>
                <a:lnTo>
                  <a:pt x="2014484" y="702056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D_e76e7f7b1f3e4645803a7df1ed7293fd_Line">
            <a:extLst>
              <a:ext uri="{FF2B5EF4-FFF2-40B4-BE49-F238E27FC236}">
                <a16:creationId xmlns:a16="http://schemas.microsoft.com/office/drawing/2014/main" id="{DFE765EC-23EB-5FE4-DAAB-68C15718EF1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73223" y="4981134"/>
            <a:ext cx="305261" cy="284820"/>
          </a:xfrm>
          <a:custGeom>
            <a:avLst/>
            <a:gdLst/>
            <a:ahLst/>
            <a:cxnLst/>
            <a:rect l="0" t="0" r="0" b="0"/>
            <a:pathLst>
              <a:path w="305261" h="284820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66209"/>
                </a:lnTo>
                <a:cubicBezTo>
                  <a:pt x="57150" y="104309"/>
                  <a:pt x="95250" y="104309"/>
                  <a:pt x="95250" y="104309"/>
                </a:cubicBezTo>
                <a:lnTo>
                  <a:pt x="163816" y="104309"/>
                </a:lnTo>
                <a:cubicBezTo>
                  <a:pt x="201916" y="104309"/>
                  <a:pt x="201916" y="142409"/>
                  <a:pt x="201916" y="142409"/>
                </a:cubicBezTo>
                <a:lnTo>
                  <a:pt x="201916" y="246719"/>
                </a:lnTo>
                <a:cubicBezTo>
                  <a:pt x="201916" y="284819"/>
                  <a:pt x="240016" y="284819"/>
                  <a:pt x="240016" y="284819"/>
                </a:cubicBezTo>
                <a:lnTo>
                  <a:pt x="305260" y="2848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D_051fe9d3213f42839a96b83d0f38b163_Line">
            <a:extLst>
              <a:ext uri="{FF2B5EF4-FFF2-40B4-BE49-F238E27FC236}">
                <a16:creationId xmlns:a16="http://schemas.microsoft.com/office/drawing/2014/main" id="{3E7BC069-2B1C-A360-0752-DB1DCA5610C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290794" y="5265953"/>
            <a:ext cx="160453" cy="293879"/>
          </a:xfrm>
          <a:custGeom>
            <a:avLst/>
            <a:gdLst/>
            <a:ahLst/>
            <a:cxnLst/>
            <a:rect l="0" t="0" r="0" b="0"/>
            <a:pathLst>
              <a:path w="160453" h="293879">
                <a:moveTo>
                  <a:pt x="103302" y="0"/>
                </a:moveTo>
                <a:lnTo>
                  <a:pt x="122352" y="0"/>
                </a:lnTo>
                <a:cubicBezTo>
                  <a:pt x="160452" y="0"/>
                  <a:pt x="160452" y="38100"/>
                  <a:pt x="160452" y="38100"/>
                </a:cubicBezTo>
                <a:lnTo>
                  <a:pt x="160452" y="66209"/>
                </a:lnTo>
                <a:cubicBezTo>
                  <a:pt x="160452" y="104309"/>
                  <a:pt x="122352" y="104309"/>
                  <a:pt x="122352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255778"/>
                </a:lnTo>
                <a:cubicBezTo>
                  <a:pt x="0" y="293878"/>
                  <a:pt x="38100" y="293878"/>
                  <a:pt x="38100" y="293878"/>
                </a:cubicBezTo>
                <a:lnTo>
                  <a:pt x="103344" y="29387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D_5daf1c71985d4dfd833d57af218f1f37_Line">
            <a:extLst>
              <a:ext uri="{FF2B5EF4-FFF2-40B4-BE49-F238E27FC236}">
                <a16:creationId xmlns:a16="http://schemas.microsoft.com/office/drawing/2014/main" id="{1A960186-5C8B-72D0-358A-52A17EC98E8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821401" y="5559831"/>
            <a:ext cx="915699" cy="286132"/>
          </a:xfrm>
          <a:custGeom>
            <a:avLst/>
            <a:gdLst/>
            <a:ahLst/>
            <a:cxnLst/>
            <a:rect l="0" t="0" r="0" b="0"/>
            <a:pathLst>
              <a:path w="915699" h="286132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151468"/>
                </a:lnTo>
                <a:cubicBezTo>
                  <a:pt x="57150" y="189568"/>
                  <a:pt x="95250" y="189568"/>
                  <a:pt x="95250" y="189568"/>
                </a:cubicBezTo>
                <a:lnTo>
                  <a:pt x="774254" y="189568"/>
                </a:lnTo>
                <a:cubicBezTo>
                  <a:pt x="812354" y="189568"/>
                  <a:pt x="812354" y="227668"/>
                  <a:pt x="812354" y="227668"/>
                </a:cubicBezTo>
                <a:lnTo>
                  <a:pt x="812354" y="248031"/>
                </a:lnTo>
                <a:cubicBezTo>
                  <a:pt x="812354" y="286131"/>
                  <a:pt x="850454" y="286131"/>
                  <a:pt x="850454" y="286131"/>
                </a:cubicBezTo>
                <a:lnTo>
                  <a:pt x="915698" y="286131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TB_00000000000000000000000000000000_ScaleContainer">
            <a:extLst>
              <a:ext uri="{FF2B5EF4-FFF2-40B4-BE49-F238E27FC236}">
                <a16:creationId xmlns:a16="http://schemas.microsoft.com/office/drawing/2014/main" id="{D4B5A8C3-80D1-3AD2-7EB6-B864CD5EB97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92200" y="2098742"/>
            <a:ext cx="10261600" cy="182880"/>
          </a:xfrm>
          <a:prstGeom prst="round2Same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" name="OTLSHAPE_SL_185351a88b43462d997653ba565f040c_HeaderRectangle">
            <a:extLst>
              <a:ext uri="{FF2B5EF4-FFF2-40B4-BE49-F238E27FC236}">
                <a16:creationId xmlns:a16="http://schemas.microsoft.com/office/drawing/2014/main" id="{D49FC6A0-99EB-0A6E-697B-FF6B00CA3FE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2703770"/>
            <a:ext cx="901700" cy="765387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" name="OTLSHAPE_SL_6884b2cf3b0141bf8ba76de1f41e68d9_HeaderRectangle">
            <a:extLst>
              <a:ext uri="{FF2B5EF4-FFF2-40B4-BE49-F238E27FC236}">
                <a16:creationId xmlns:a16="http://schemas.microsoft.com/office/drawing/2014/main" id="{37F5FEFC-6E1F-C94C-F040-E030DF7DB81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507257"/>
            <a:ext cx="901700" cy="401743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0" name="OTLSHAPE_SL_68fd475c18284c8a8c203da9040e6fc3_HeaderRectangle">
            <a:extLst>
              <a:ext uri="{FF2B5EF4-FFF2-40B4-BE49-F238E27FC236}">
                <a16:creationId xmlns:a16="http://schemas.microsoft.com/office/drawing/2014/main" id="{F86EB510-C1F5-1DB3-1A97-9455828BDE2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3947100"/>
            <a:ext cx="901700" cy="455337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" name="OTLSHAPE_SL_69d22243a932458c91a2b0a297c0915b_HeaderRectangle">
            <a:extLst>
              <a:ext uri="{FF2B5EF4-FFF2-40B4-BE49-F238E27FC236}">
                <a16:creationId xmlns:a16="http://schemas.microsoft.com/office/drawing/2014/main" id="{BC425BE8-9422-0DCA-9B52-CCB59982575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4440537"/>
            <a:ext cx="901700" cy="663956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" name="OTLSHAPE_SL_e38e0aa62bdb42dd8746625fcd2e9839_HeaderRectangle">
            <a:extLst>
              <a:ext uri="{FF2B5EF4-FFF2-40B4-BE49-F238E27FC236}">
                <a16:creationId xmlns:a16="http://schemas.microsoft.com/office/drawing/2014/main" id="{C30FFD2F-8CEF-E652-ECB7-5E4F97B6E03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5142593"/>
            <a:ext cx="901700" cy="1160018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4" name="OTLSHAPE_TB_00000000000000000000000000000000_MiddleScaleContainer">
            <a:extLst>
              <a:ext uri="{FF2B5EF4-FFF2-40B4-BE49-F238E27FC236}">
                <a16:creationId xmlns:a16="http://schemas.microsoft.com/office/drawing/2014/main" id="{97B85BAE-AEF8-8D04-8F72-57C694CF783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92200" y="2290766"/>
            <a:ext cx="10261600" cy="182880"/>
          </a:xfrm>
          <a:prstGeom prst="rect">
            <a:avLst/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5" name="OTLSHAPE_TB_00000000000000000000000000000000_BottomScaleContainer">
            <a:extLst>
              <a:ext uri="{FF2B5EF4-FFF2-40B4-BE49-F238E27FC236}">
                <a16:creationId xmlns:a16="http://schemas.microsoft.com/office/drawing/2014/main" id="{C479B853-C7DF-360D-C5EC-7EF2A6DFAB5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92200" y="2482790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0404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" name="OTLSHAPE_SL2A_971e89af41494306aadfa50dfc262bc0_HeaderRectangle" hidden="1">
            <a:extLst>
              <a:ext uri="{FF2B5EF4-FFF2-40B4-BE49-F238E27FC236}">
                <a16:creationId xmlns:a16="http://schemas.microsoft.com/office/drawing/2014/main" id="{14B7BABE-FF24-1940-7A27-B167A361CCC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65200" y="270377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6" name="OTLSHAPE_SL2A_1eb6959867c741459f0128d25a1df85d_HeaderRectangle" hidden="1">
            <a:extLst>
              <a:ext uri="{FF2B5EF4-FFF2-40B4-BE49-F238E27FC236}">
                <a16:creationId xmlns:a16="http://schemas.microsoft.com/office/drawing/2014/main" id="{82BD38D7-C825-690E-C1B3-F1C91C5F0D2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65200" y="3507257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6" name="OTLSHAPE_SL2A_cc1e1bc625b240b39fbd32644d47471d_HeaderRectangle" hidden="1">
            <a:extLst>
              <a:ext uri="{FF2B5EF4-FFF2-40B4-BE49-F238E27FC236}">
                <a16:creationId xmlns:a16="http://schemas.microsoft.com/office/drawing/2014/main" id="{3449F4DF-8299-C6AF-2601-21CBB3CDA08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65200" y="39471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9" name="OTLSHAPE_SL2A_e07ffdcded33427fb6e662136ec1407d_HeaderRectangle" hidden="1">
            <a:extLst>
              <a:ext uri="{FF2B5EF4-FFF2-40B4-BE49-F238E27FC236}">
                <a16:creationId xmlns:a16="http://schemas.microsoft.com/office/drawing/2014/main" id="{6CF52699-611F-C4B8-2EC6-2A2BC821636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65200" y="4440537"/>
            <a:ext cx="0" cy="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7" name="OTLSHAPE_SL2A_047a321f8d5a461883754ef8dd098ea5_HeaderRectangle" hidden="1">
            <a:extLst>
              <a:ext uri="{FF2B5EF4-FFF2-40B4-BE49-F238E27FC236}">
                <a16:creationId xmlns:a16="http://schemas.microsoft.com/office/drawing/2014/main" id="{76A49F03-E823-99E9-261A-531623D822D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65200" y="5142593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E6410C87-DEA6-8934-DF18-0B2B29CEE578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519505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1622C9C9-3A48-5A4F-0382-5EEFC1F11862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946811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G_00000000000000000000000000000000_ShapeBelow2">
            <a:extLst>
              <a:ext uri="{FF2B5EF4-FFF2-40B4-BE49-F238E27FC236}">
                <a16:creationId xmlns:a16="http://schemas.microsoft.com/office/drawing/2014/main" id="{1C7F8F2E-CA2C-16BB-04C8-FD165C30063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374116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G_00000000000000000000000000000000_ShapeBelow3">
            <a:extLst>
              <a:ext uri="{FF2B5EF4-FFF2-40B4-BE49-F238E27FC236}">
                <a16:creationId xmlns:a16="http://schemas.microsoft.com/office/drawing/2014/main" id="{67330D0A-1324-1441-AAE0-70B6F9B4736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801422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G_00000000000000000000000000000000_ShapeBelow4">
            <a:extLst>
              <a:ext uri="{FF2B5EF4-FFF2-40B4-BE49-F238E27FC236}">
                <a16:creationId xmlns:a16="http://schemas.microsoft.com/office/drawing/2014/main" id="{2CE69B3E-8463-3CBD-C921-1ED53CE6599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3228728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G_00000000000000000000000000000000_ShapeBelow5">
            <a:extLst>
              <a:ext uri="{FF2B5EF4-FFF2-40B4-BE49-F238E27FC236}">
                <a16:creationId xmlns:a16="http://schemas.microsoft.com/office/drawing/2014/main" id="{CD82B3B2-9ED3-3560-670E-36749770853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3656033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G_00000000000000000000000000000000_ShapeBelow6">
            <a:extLst>
              <a:ext uri="{FF2B5EF4-FFF2-40B4-BE49-F238E27FC236}">
                <a16:creationId xmlns:a16="http://schemas.microsoft.com/office/drawing/2014/main" id="{60354A38-3E8D-4C20-716D-A0811FD320BE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4083339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1" name="OTLSHAPE_G_00000000000000000000000000000000_ShapeBelow7">
            <a:extLst>
              <a:ext uri="{FF2B5EF4-FFF2-40B4-BE49-F238E27FC236}">
                <a16:creationId xmlns:a16="http://schemas.microsoft.com/office/drawing/2014/main" id="{7394EB1A-6F21-217A-CCCB-64D084A6025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510644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G_00000000000000000000000000000000_ShapeBelow8">
            <a:extLst>
              <a:ext uri="{FF2B5EF4-FFF2-40B4-BE49-F238E27FC236}">
                <a16:creationId xmlns:a16="http://schemas.microsoft.com/office/drawing/2014/main" id="{F09F1920-1F51-800F-BED6-208F1E48A72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937950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G_00000000000000000000000000000000_ShapeBelow9">
            <a:extLst>
              <a:ext uri="{FF2B5EF4-FFF2-40B4-BE49-F238E27FC236}">
                <a16:creationId xmlns:a16="http://schemas.microsoft.com/office/drawing/2014/main" id="{F239B282-C918-9972-928A-020C1CACC5AC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365256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G_00000000000000000000000000000000_ShapeBelow10">
            <a:extLst>
              <a:ext uri="{FF2B5EF4-FFF2-40B4-BE49-F238E27FC236}">
                <a16:creationId xmlns:a16="http://schemas.microsoft.com/office/drawing/2014/main" id="{CF60D1BF-14CB-97EF-D1B5-0DC784DB590F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5792561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G_00000000000000000000000000000000_ShapeBelow11">
            <a:extLst>
              <a:ext uri="{FF2B5EF4-FFF2-40B4-BE49-F238E27FC236}">
                <a16:creationId xmlns:a16="http://schemas.microsoft.com/office/drawing/2014/main" id="{FFD3C135-FD7D-F661-CDAD-89252668DF60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6219867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G_00000000000000000000000000000000_ShapeBelow12">
            <a:extLst>
              <a:ext uri="{FF2B5EF4-FFF2-40B4-BE49-F238E27FC236}">
                <a16:creationId xmlns:a16="http://schemas.microsoft.com/office/drawing/2014/main" id="{1958936C-7B1F-F59F-F7E7-F4DADC2F9A97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6647173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G_00000000000000000000000000000000_ShapeBelow13">
            <a:extLst>
              <a:ext uri="{FF2B5EF4-FFF2-40B4-BE49-F238E27FC236}">
                <a16:creationId xmlns:a16="http://schemas.microsoft.com/office/drawing/2014/main" id="{E80AB058-BC7F-1D25-76D5-8382C61DBA61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7074478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G_00000000000000000000000000000000_ShapeBelow14">
            <a:extLst>
              <a:ext uri="{FF2B5EF4-FFF2-40B4-BE49-F238E27FC236}">
                <a16:creationId xmlns:a16="http://schemas.microsoft.com/office/drawing/2014/main" id="{4F9C8252-2DE6-7491-ED92-006E2221EBB4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7501784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G_00000000000000000000000000000000_ShapeBelow15">
            <a:extLst>
              <a:ext uri="{FF2B5EF4-FFF2-40B4-BE49-F238E27FC236}">
                <a16:creationId xmlns:a16="http://schemas.microsoft.com/office/drawing/2014/main" id="{8E9A84EE-161D-08A1-B699-EE46B2D6FC92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7929090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G_00000000000000000000000000000000_ShapeBelow16">
            <a:extLst>
              <a:ext uri="{FF2B5EF4-FFF2-40B4-BE49-F238E27FC236}">
                <a16:creationId xmlns:a16="http://schemas.microsoft.com/office/drawing/2014/main" id="{EF4E53A8-A85C-CA25-47C7-EF11E9679CAA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8356395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G_00000000000000000000000000000000_ShapeBelow17">
            <a:extLst>
              <a:ext uri="{FF2B5EF4-FFF2-40B4-BE49-F238E27FC236}">
                <a16:creationId xmlns:a16="http://schemas.microsoft.com/office/drawing/2014/main" id="{15E99055-628A-6892-1A1A-461EF4305BB5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8783701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G_00000000000000000000000000000000_ShapeBelow18">
            <a:extLst>
              <a:ext uri="{FF2B5EF4-FFF2-40B4-BE49-F238E27FC236}">
                <a16:creationId xmlns:a16="http://schemas.microsoft.com/office/drawing/2014/main" id="{398FFBB9-65B4-B614-2873-4422501737D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211007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G_00000000000000000000000000000000_ShapeBelow19">
            <a:extLst>
              <a:ext uri="{FF2B5EF4-FFF2-40B4-BE49-F238E27FC236}">
                <a16:creationId xmlns:a16="http://schemas.microsoft.com/office/drawing/2014/main" id="{467D62F2-6B11-4DE0-E5FE-CCC4365E7B51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638312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G_00000000000000000000000000000000_ShapeBelow20">
            <a:extLst>
              <a:ext uri="{FF2B5EF4-FFF2-40B4-BE49-F238E27FC236}">
                <a16:creationId xmlns:a16="http://schemas.microsoft.com/office/drawing/2014/main" id="{5372FC1C-BC12-5699-5436-CD986CA7127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065617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G_00000000000000000000000000000000_ShapeBelow21">
            <a:extLst>
              <a:ext uri="{FF2B5EF4-FFF2-40B4-BE49-F238E27FC236}">
                <a16:creationId xmlns:a16="http://schemas.microsoft.com/office/drawing/2014/main" id="{0B4647CC-2964-E3DC-CFC6-E467FDCF9F2D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10492923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G_00000000000000000000000000000000_ShapeBelow22">
            <a:extLst>
              <a:ext uri="{FF2B5EF4-FFF2-40B4-BE49-F238E27FC236}">
                <a16:creationId xmlns:a16="http://schemas.microsoft.com/office/drawing/2014/main" id="{AE8C4457-4D99-C7D2-7B43-C1AAB3BB4292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10920229" y="2665670"/>
            <a:ext cx="0" cy="363694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6" name="OTLSHAPE_SLT_7adc1049b783436485e992cca81634e6_Shape">
            <a:extLst>
              <a:ext uri="{FF2B5EF4-FFF2-40B4-BE49-F238E27FC236}">
                <a16:creationId xmlns:a16="http://schemas.microsoft.com/office/drawing/2014/main" id="{BEC20BBA-5B5D-34ED-2EC8-A723D592346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153244" y="2763630"/>
            <a:ext cx="1270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5" name="OTLSHAPE_SLT_50322f39d948437d9ad59e4fc4d1c8a1_Shape">
            <a:extLst>
              <a:ext uri="{FF2B5EF4-FFF2-40B4-BE49-F238E27FC236}">
                <a16:creationId xmlns:a16="http://schemas.microsoft.com/office/drawing/2014/main" id="{E50AC0DC-E58A-AD10-1953-EC22E78B602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75331" y="3113261"/>
            <a:ext cx="5588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3" name="OTLSHAPE_SLT_1f15bda98b9141f69561c858f6493dc6_Shape">
            <a:extLst>
              <a:ext uri="{FF2B5EF4-FFF2-40B4-BE49-F238E27FC236}">
                <a16:creationId xmlns:a16="http://schemas.microsoft.com/office/drawing/2014/main" id="{FBB57254-C3EC-0271-BAE8-EE28D891F5F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106641" y="3992947"/>
            <a:ext cx="7366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2" name="OTLSHAPE_SLT_09e35f18fef64b998c755a0aaca05cda_Shape">
            <a:extLst>
              <a:ext uri="{FF2B5EF4-FFF2-40B4-BE49-F238E27FC236}">
                <a16:creationId xmlns:a16="http://schemas.microsoft.com/office/drawing/2014/main" id="{40625E01-06B7-B09E-47F0-6BCDA9A7900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266471" y="4201566"/>
            <a:ext cx="12319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4" name="OTLSHAPE_SLT_c5add20798a849cabe908ee7473d6906_Shape">
            <a:extLst>
              <a:ext uri="{FF2B5EF4-FFF2-40B4-BE49-F238E27FC236}">
                <a16:creationId xmlns:a16="http://schemas.microsoft.com/office/drawing/2014/main" id="{1EDA4DAA-5498-2C83-0EF0-3A581CBF479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914649" y="4486385"/>
            <a:ext cx="7366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3" name="OTLSHAPE_SLT_fe30d8fd96d24f32a18563da29cb31b4_Shape">
            <a:extLst>
              <a:ext uri="{FF2B5EF4-FFF2-40B4-BE49-F238E27FC236}">
                <a16:creationId xmlns:a16="http://schemas.microsoft.com/office/drawing/2014/main" id="{0B63813E-A254-D5E0-8868-45B5A7FBC69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036737" y="4695003"/>
            <a:ext cx="12319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2" name="OTLSHAPE_SLT_0eea1d34b96e4b469f9b71d9c1583eed_Shape">
            <a:extLst>
              <a:ext uri="{FF2B5EF4-FFF2-40B4-BE49-F238E27FC236}">
                <a16:creationId xmlns:a16="http://schemas.microsoft.com/office/drawing/2014/main" id="{C1B55385-FE92-F5A7-890B-005E2D2AA49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501785" y="4903622"/>
            <a:ext cx="6731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4" name="OTLSHAPE_SLT_f1871cb8ead94c9a9ab2883a2f49e010_Shape">
            <a:extLst>
              <a:ext uri="{FF2B5EF4-FFF2-40B4-BE49-F238E27FC236}">
                <a16:creationId xmlns:a16="http://schemas.microsoft.com/office/drawing/2014/main" id="{36851182-118E-7275-CB53-8C3A7F497B6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478483" y="5188441"/>
            <a:ext cx="9271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3" name="OTLSHAPE_SLT_e15fa74d05eb44b7bc46df284fa73e7e_Shape">
            <a:extLst>
              <a:ext uri="{FF2B5EF4-FFF2-40B4-BE49-F238E27FC236}">
                <a16:creationId xmlns:a16="http://schemas.microsoft.com/office/drawing/2014/main" id="{33886716-47ED-D49A-2935-0E9EC2AD187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394138" y="5482318"/>
            <a:ext cx="4318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2" name="OTLSHAPE_SLT_9cecb66db78842e6aff23caea10c8ba1_Shape">
            <a:extLst>
              <a:ext uri="{FF2B5EF4-FFF2-40B4-BE49-F238E27FC236}">
                <a16:creationId xmlns:a16="http://schemas.microsoft.com/office/drawing/2014/main" id="{ABE701A9-BF83-D4E2-D4EE-B85A9F92D69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737099" y="5768449"/>
            <a:ext cx="3683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3" name="OTLSHAPE_SLT_6e8ff1571ede4173bdd3c6415d4bf695_Shape">
            <a:extLst>
              <a:ext uri="{FF2B5EF4-FFF2-40B4-BE49-F238E27FC236}">
                <a16:creationId xmlns:a16="http://schemas.microsoft.com/office/drawing/2014/main" id="{A2B0FD3F-FEA9-C990-BA8F-2665A912705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824724" y="3553104"/>
            <a:ext cx="8001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38" name="OTLSHAPE_TB_00000000000000000000000000000000_ElapsedTime" hidden="1">
            <a:extLst>
              <a:ext uri="{FF2B5EF4-FFF2-40B4-BE49-F238E27FC236}">
                <a16:creationId xmlns:a16="http://schemas.microsoft.com/office/drawing/2014/main" id="{8DB9AFB5-527E-C1C4-892D-62695284059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2098742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6" name="OTLSHAPE_SLT_50322f39d948437d9ad59e4fc4d1c8a1_ShapePercentage">
            <a:extLst>
              <a:ext uri="{FF2B5EF4-FFF2-40B4-BE49-F238E27FC236}">
                <a16:creationId xmlns:a16="http://schemas.microsoft.com/office/drawing/2014/main" id="{8A832B49-A890-F844-941E-A0AFBD5054E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275331" y="3113261"/>
            <a:ext cx="558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4" name="OTLSHAPE_SLT_1f15bda98b9141f69561c858f6493dc6_ShapePercentage">
            <a:extLst>
              <a:ext uri="{FF2B5EF4-FFF2-40B4-BE49-F238E27FC236}">
                <a16:creationId xmlns:a16="http://schemas.microsoft.com/office/drawing/2014/main" id="{1B2CAF4E-9028-E579-44D8-408F74CB2D4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106641" y="3992947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3" name="OTLSHAPE_SLT_09e35f18fef64b998c755a0aaca05cda_ShapePercentage">
            <a:extLst>
              <a:ext uri="{FF2B5EF4-FFF2-40B4-BE49-F238E27FC236}">
                <a16:creationId xmlns:a16="http://schemas.microsoft.com/office/drawing/2014/main" id="{43D6FCAE-616F-8599-D7AC-076D3A2C850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266471" y="420156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5" name="OTLSHAPE_SLT_c5add20798a849cabe908ee7473d6906_ShapePercentage">
            <a:extLst>
              <a:ext uri="{FF2B5EF4-FFF2-40B4-BE49-F238E27FC236}">
                <a16:creationId xmlns:a16="http://schemas.microsoft.com/office/drawing/2014/main" id="{343AC68A-8EC3-9D55-6BA3-96B286423B1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914649" y="448638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4" name="OTLSHAPE_SLT_fe30d8fd96d24f32a18563da29cb31b4_ShapePercentage">
            <a:extLst>
              <a:ext uri="{FF2B5EF4-FFF2-40B4-BE49-F238E27FC236}">
                <a16:creationId xmlns:a16="http://schemas.microsoft.com/office/drawing/2014/main" id="{8BE03AA4-C246-D653-3E5B-C0139DBF246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036737" y="469500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3" name="OTLSHAPE_SLT_0eea1d34b96e4b469f9b71d9c1583eed_ShapePercentage">
            <a:extLst>
              <a:ext uri="{FF2B5EF4-FFF2-40B4-BE49-F238E27FC236}">
                <a16:creationId xmlns:a16="http://schemas.microsoft.com/office/drawing/2014/main" id="{1272D072-2495-55C1-586A-69DDEF412A8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7501785" y="4903622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5" name="OTLSHAPE_SLT_f1871cb8ead94c9a9ab2883a2f49e010_ShapePercentage">
            <a:extLst>
              <a:ext uri="{FF2B5EF4-FFF2-40B4-BE49-F238E27FC236}">
                <a16:creationId xmlns:a16="http://schemas.microsoft.com/office/drawing/2014/main" id="{C9763884-4F2B-57B2-BB27-641F697914A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478483" y="518844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4" name="OTLSHAPE_SLT_e15fa74d05eb44b7bc46df284fa73e7e_ShapePercentage">
            <a:extLst>
              <a:ext uri="{FF2B5EF4-FFF2-40B4-BE49-F238E27FC236}">
                <a16:creationId xmlns:a16="http://schemas.microsoft.com/office/drawing/2014/main" id="{CCA54534-9418-E39A-BA21-287F7454CBA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394138" y="548231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3" name="OTLSHAPE_SLT_9cecb66db78842e6aff23caea10c8ba1_ShapePercentage">
            <a:extLst>
              <a:ext uri="{FF2B5EF4-FFF2-40B4-BE49-F238E27FC236}">
                <a16:creationId xmlns:a16="http://schemas.microsoft.com/office/drawing/2014/main" id="{CD8C24BD-9946-D923-1265-67EFEFBF341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737099" y="5768449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4" name="OTLSHAPE_SLT_6e8ff1571ede4173bdd3c6415d4bf695_ShapePercentage">
            <a:extLst>
              <a:ext uri="{FF2B5EF4-FFF2-40B4-BE49-F238E27FC236}">
                <a16:creationId xmlns:a16="http://schemas.microsoft.com/office/drawing/2014/main" id="{BFCEC247-1BB8-5D12-1189-5C3678CE52D7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824724" y="3553104"/>
            <a:ext cx="4826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" name="OTLSHAPE_SLT_7adc1049b783436485e992cca81634e6_ShapePercentage" hidden="1">
            <a:extLst>
              <a:ext uri="{FF2B5EF4-FFF2-40B4-BE49-F238E27FC236}">
                <a16:creationId xmlns:a16="http://schemas.microsoft.com/office/drawing/2014/main" id="{CEF2562F-E248-B79B-D883-218E9DAB2624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153244" y="27636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" name="OTLSHAPE_SL_185351a88b43462d997653ba565f040c_Header">
            <a:extLst>
              <a:ext uri="{FF2B5EF4-FFF2-40B4-BE49-F238E27FC236}">
                <a16:creationId xmlns:a16="http://schemas.microsoft.com/office/drawing/2014/main" id="{3D8206F3-CA7C-D0B9-EC63-2FA789C2858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3500" y="2915945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preparation</a:t>
            </a:r>
          </a:p>
        </p:txBody>
      </p:sp>
      <p:sp>
        <p:nvSpPr>
          <p:cNvPr id="18" name="OTLSHAPE_SL_6884b2cf3b0141bf8ba76de1f41e68d9_Header">
            <a:extLst>
              <a:ext uri="{FF2B5EF4-FFF2-40B4-BE49-F238E27FC236}">
                <a16:creationId xmlns:a16="http://schemas.microsoft.com/office/drawing/2014/main" id="{F9934419-776A-EABE-A6BB-6E56A512CC5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00" y="36228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molition</a:t>
            </a:r>
          </a:p>
        </p:txBody>
      </p:sp>
      <p:sp>
        <p:nvSpPr>
          <p:cNvPr id="21" name="OTLSHAPE_SL_68fd475c18284c8a8c203da9040e6fc3_Header">
            <a:extLst>
              <a:ext uri="{FF2B5EF4-FFF2-40B4-BE49-F238E27FC236}">
                <a16:creationId xmlns:a16="http://schemas.microsoft.com/office/drawing/2014/main" id="{81C1C87E-6E57-A811-3E05-C8BFB28573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4004250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ming &amp; structural work</a:t>
            </a:r>
          </a:p>
        </p:txBody>
      </p:sp>
      <p:sp>
        <p:nvSpPr>
          <p:cNvPr id="24" name="OTLSHAPE_SL_69d22243a932458c91a2b0a297c0915b_Header">
            <a:extLst>
              <a:ext uri="{FF2B5EF4-FFF2-40B4-BE49-F238E27FC236}">
                <a16:creationId xmlns:a16="http://schemas.microsoft.com/office/drawing/2014/main" id="{19C36811-3228-5681-F7A1-4C7B6BD3A5E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500" y="4601997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ical &amp; plumbing</a:t>
            </a:r>
          </a:p>
        </p:txBody>
      </p:sp>
      <p:sp>
        <p:nvSpPr>
          <p:cNvPr id="27" name="OTLSHAPE_SL_e38e0aa62bdb42dd8746625fcd2e9839_Header">
            <a:extLst>
              <a:ext uri="{FF2B5EF4-FFF2-40B4-BE49-F238E27FC236}">
                <a16:creationId xmlns:a16="http://schemas.microsoft.com/office/drawing/2014/main" id="{0C76D219-4DE8-E7AD-AE78-FDDED0BE225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3500" y="5552084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rior finishing</a:t>
            </a:r>
          </a:p>
        </p:txBody>
      </p:sp>
      <p:sp>
        <p:nvSpPr>
          <p:cNvPr id="34" name="OTLSHAPE_SL2A_971e89af41494306aadfa50dfc262bc0_Header" hidden="1">
            <a:extLst>
              <a:ext uri="{FF2B5EF4-FFF2-40B4-BE49-F238E27FC236}">
                <a16:creationId xmlns:a16="http://schemas.microsoft.com/office/drawing/2014/main" id="{0CDE7661-3BB1-1281-7FF5-3580747E091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" name="OTLSHAPE_SL2A_1eb6959867c741459f0128d25a1df85d_Header" hidden="1">
            <a:extLst>
              <a:ext uri="{FF2B5EF4-FFF2-40B4-BE49-F238E27FC236}">
                <a16:creationId xmlns:a16="http://schemas.microsoft.com/office/drawing/2014/main" id="{71BC03A9-B7AA-F9E1-89F3-F74C6CF6C9E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OTLSHAPE_SL2A_cc1e1bc625b240b39fbd32644d47471d_Header" hidden="1">
            <a:extLst>
              <a:ext uri="{FF2B5EF4-FFF2-40B4-BE49-F238E27FC236}">
                <a16:creationId xmlns:a16="http://schemas.microsoft.com/office/drawing/2014/main" id="{5548C90F-4D38-236F-1031-5A098A2503A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OTLSHAPE_SL2A_e07ffdcded33427fb6e662136ec1407d_Header" hidden="1">
            <a:extLst>
              <a:ext uri="{FF2B5EF4-FFF2-40B4-BE49-F238E27FC236}">
                <a16:creationId xmlns:a16="http://schemas.microsoft.com/office/drawing/2014/main" id="{B52FEC11-4261-074A-10EB-693653A7460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SL2A_047a321f8d5a461883754ef8dd098ea5_Header" hidden="1">
            <a:extLst>
              <a:ext uri="{FF2B5EF4-FFF2-40B4-BE49-F238E27FC236}">
                <a16:creationId xmlns:a16="http://schemas.microsoft.com/office/drawing/2014/main" id="{71EB4A91-097A-4011-73D8-D860A42A329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SLT_7adc1049b783436485e992cca81634e6_BaselineShape" hidden="1">
            <a:extLst>
              <a:ext uri="{FF2B5EF4-FFF2-40B4-BE49-F238E27FC236}">
                <a16:creationId xmlns:a16="http://schemas.microsoft.com/office/drawing/2014/main" id="{4AEA29A4-9762-B494-B50C-FB433C3AA99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092200" y="28525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8" name="OTLSHAPE_SLT_50322f39d948437d9ad59e4fc4d1c8a1_BaselineShape" hidden="1">
            <a:extLst>
              <a:ext uri="{FF2B5EF4-FFF2-40B4-BE49-F238E27FC236}">
                <a16:creationId xmlns:a16="http://schemas.microsoft.com/office/drawing/2014/main" id="{EF313CCD-98E2-00C9-B8AB-8661B5ED0E8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92200" y="323018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9" name="OTLSHAPE_SLT_6e8ff1571ede4173bdd3c6415d4bf695_BaselineShape" hidden="1">
            <a:extLst>
              <a:ext uri="{FF2B5EF4-FFF2-40B4-BE49-F238E27FC236}">
                <a16:creationId xmlns:a16="http://schemas.microsoft.com/office/drawing/2014/main" id="{869D3527-CF9F-AC30-4EB3-86FFEFEAE0B6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92200" y="367002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4" name="OTLSHAPE_SLT_1f15bda98b9141f69561c858f6493dc6_BaselineShape" hidden="1">
            <a:extLst>
              <a:ext uri="{FF2B5EF4-FFF2-40B4-BE49-F238E27FC236}">
                <a16:creationId xmlns:a16="http://schemas.microsoft.com/office/drawing/2014/main" id="{83B90EF0-AF08-A4D8-38E8-F365847BCA87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92200" y="410987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2" name="OTLSHAPE_SLT_09e35f18fef64b998c755a0aaca05cda_BaselineShape" hidden="1">
            <a:extLst>
              <a:ext uri="{FF2B5EF4-FFF2-40B4-BE49-F238E27FC236}">
                <a16:creationId xmlns:a16="http://schemas.microsoft.com/office/drawing/2014/main" id="{564C61C9-FE26-7D86-F67B-409CFD6B5A2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092200" y="431849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7" name="OTLSHAPE_SLT_c5add20798a849cabe908ee7473d6906_BaselineShape" hidden="1">
            <a:extLst>
              <a:ext uri="{FF2B5EF4-FFF2-40B4-BE49-F238E27FC236}">
                <a16:creationId xmlns:a16="http://schemas.microsoft.com/office/drawing/2014/main" id="{914392AA-A076-A4BF-484C-78D6ABD3CD2D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92200" y="460330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7" name="OTLSHAPE_SLT_fe30d8fd96d24f32a18563da29cb31b4_BaselineShape" hidden="1">
            <a:extLst>
              <a:ext uri="{FF2B5EF4-FFF2-40B4-BE49-F238E27FC236}">
                <a16:creationId xmlns:a16="http://schemas.microsoft.com/office/drawing/2014/main" id="{2DB4CDB4-2F78-B942-5A90-ECEAFE09080B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092200" y="481192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7" name="OTLSHAPE_SLT_0eea1d34b96e4b469f9b71d9c1583eed_BaselineShape" hidden="1">
            <a:extLst>
              <a:ext uri="{FF2B5EF4-FFF2-40B4-BE49-F238E27FC236}">
                <a16:creationId xmlns:a16="http://schemas.microsoft.com/office/drawing/2014/main" id="{3DC80CE0-A7AF-544F-E04C-689A2B7F7452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092200" y="502054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5" name="OTLSHAPE_SLT_f1871cb8ead94c9a9ab2883a2f49e010_BaselineShape" hidden="1">
            <a:extLst>
              <a:ext uri="{FF2B5EF4-FFF2-40B4-BE49-F238E27FC236}">
                <a16:creationId xmlns:a16="http://schemas.microsoft.com/office/drawing/2014/main" id="{59C8957C-B5B0-0919-34C1-FE132A5CDB4C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092200" y="530536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3" name="OTLSHAPE_SLT_e15fa74d05eb44b7bc46df284fa73e7e_BaselineShape" hidden="1">
            <a:extLst>
              <a:ext uri="{FF2B5EF4-FFF2-40B4-BE49-F238E27FC236}">
                <a16:creationId xmlns:a16="http://schemas.microsoft.com/office/drawing/2014/main" id="{774CEF12-1C08-DFDD-9BC1-00E9673BAA62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092200" y="559924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8" name="OTLSHAPE_SLT_9cecb66db78842e6aff23caea10c8ba1_BaselineShape" hidden="1">
            <a:extLst>
              <a:ext uri="{FF2B5EF4-FFF2-40B4-BE49-F238E27FC236}">
                <a16:creationId xmlns:a16="http://schemas.microsoft.com/office/drawing/2014/main" id="{3E8F187E-E2F6-D62D-C214-96EA5364D0DA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092200" y="58853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00B9E67-098A-474D-D4EA-C7B6E2057F0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1066074" y="2665670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2B47D8C-6103-B43F-4ACD-6367C15BFAF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815760" y="175939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EA26097-57B7-D839-F8AD-E9A3C71856C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143000" y="209715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200" b="1" i="0" u="none" strike="noStrike" kern="1200" cap="none" spc="-2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5BE0CA1-F2DC-E039-D71B-4C691C09B89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421637" y="209715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42" name="OTLSHAPE_SLT_7adc1049b783436485e992cca81634e6_JoinedDate">
            <a:extLst>
              <a:ext uri="{FF2B5EF4-FFF2-40B4-BE49-F238E27FC236}">
                <a16:creationId xmlns:a16="http://schemas.microsoft.com/office/drawing/2014/main" id="{57C775F7-A629-4530-55F1-A1C5BBA6B91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53244" y="291238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- Aug 4</a:t>
            </a:r>
            <a:endParaRPr kumimoji="0" lang="en-US" sz="1000" b="0" i="0" u="none" strike="noStrike" kern="1200" cap="none" spc="-2" normalizeH="0" baseline="0" noProof="0" dirty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T_7adc1049b783436485e992cca81634e6_Title">
            <a:extLst>
              <a:ext uri="{FF2B5EF4-FFF2-40B4-BE49-F238E27FC236}">
                <a16:creationId xmlns:a16="http://schemas.microsoft.com/office/drawing/2014/main" id="{8E040C1E-3E3D-355A-2597-251A51B563D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376889" y="274187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survey and inspection</a:t>
            </a:r>
          </a:p>
        </p:txBody>
      </p:sp>
      <p:sp>
        <p:nvSpPr>
          <p:cNvPr id="51" name="OTLSHAPE_SLT_50322f39d948437d9ad59e4fc4d1c8a1_JoinedDate">
            <a:extLst>
              <a:ext uri="{FF2B5EF4-FFF2-40B4-BE49-F238E27FC236}">
                <a16:creationId xmlns:a16="http://schemas.microsoft.com/office/drawing/2014/main" id="{4F0E293B-4EAF-A25D-9C9B-9813EF6DFB4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5331" y="327603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5 - Aug 13</a:t>
            </a:r>
          </a:p>
        </p:txBody>
      </p:sp>
      <p:sp>
        <p:nvSpPr>
          <p:cNvPr id="52" name="OTLSHAPE_SLT_50322f39d948437d9ad59e4fc4d1c8a1_Title">
            <a:extLst>
              <a:ext uri="{FF2B5EF4-FFF2-40B4-BE49-F238E27FC236}">
                <a16:creationId xmlns:a16="http://schemas.microsoft.com/office/drawing/2014/main" id="{40242167-70CF-2C69-B60F-F8980DC0779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926282" y="310551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clearance</a:t>
            </a:r>
          </a:p>
        </p:txBody>
      </p:sp>
      <p:sp>
        <p:nvSpPr>
          <p:cNvPr id="53" name="OTLSHAPE_SLT_50322f39d948437d9ad59e4fc4d1c8a1_TextPercentage">
            <a:extLst>
              <a:ext uri="{FF2B5EF4-FFF2-40B4-BE49-F238E27FC236}">
                <a16:creationId xmlns:a16="http://schemas.microsoft.com/office/drawing/2014/main" id="{8BBE5125-403C-F3A6-9823-8B822472A88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540710" y="311326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9" name="OTLSHAPE_SLT_1f15bda98b9141f69561c858f6493dc6_JoinedDate">
            <a:extLst>
              <a:ext uri="{FF2B5EF4-FFF2-40B4-BE49-F238E27FC236}">
                <a16:creationId xmlns:a16="http://schemas.microsoft.com/office/drawing/2014/main" id="{7AC0A13E-ED07-F51E-1EE6-B90EC812CDB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235497" y="39929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4 - Sep 15</a:t>
            </a:r>
          </a:p>
        </p:txBody>
      </p:sp>
      <p:sp>
        <p:nvSpPr>
          <p:cNvPr id="70" name="OTLSHAPE_SLT_1f15bda98b9141f69561c858f6493dc6_Title">
            <a:extLst>
              <a:ext uri="{FF2B5EF4-FFF2-40B4-BE49-F238E27FC236}">
                <a16:creationId xmlns:a16="http://schemas.microsoft.com/office/drawing/2014/main" id="{55EB4CA4-E1C8-A22D-4685-5E9BAED94CE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940722" y="3985200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me building structure</a:t>
            </a:r>
          </a:p>
        </p:txBody>
      </p:sp>
      <p:sp>
        <p:nvSpPr>
          <p:cNvPr id="71" name="OTLSHAPE_SLT_1f15bda98b9141f69561c858f6493dc6_TextPercentage">
            <a:extLst>
              <a:ext uri="{FF2B5EF4-FFF2-40B4-BE49-F238E27FC236}">
                <a16:creationId xmlns:a16="http://schemas.microsoft.com/office/drawing/2014/main" id="{4824995D-B8C3-1EC1-95A0-BA03BBC6567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119341" y="399294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78" name="OTLSHAPE_SLT_09e35f18fef64b998c755a0aaca05cda_JoinedDate">
            <a:extLst>
              <a:ext uri="{FF2B5EF4-FFF2-40B4-BE49-F238E27FC236}">
                <a16:creationId xmlns:a16="http://schemas.microsoft.com/office/drawing/2014/main" id="{8D002BA2-658D-FBFA-6EF9-E47ABF3369A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338854" y="420156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3 - Oct 12</a:t>
            </a:r>
          </a:p>
        </p:txBody>
      </p:sp>
      <p:sp>
        <p:nvSpPr>
          <p:cNvPr id="79" name="OTLSHAPE_SLT_09e35f18fef64b998c755a0aaca05cda_Title">
            <a:extLst>
              <a:ext uri="{FF2B5EF4-FFF2-40B4-BE49-F238E27FC236}">
                <a16:creationId xmlns:a16="http://schemas.microsoft.com/office/drawing/2014/main" id="{1A592D39-655B-041B-BC59-09B0E744EA9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588901" y="4193819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structural components</a:t>
            </a:r>
          </a:p>
        </p:txBody>
      </p:sp>
      <p:sp>
        <p:nvSpPr>
          <p:cNvPr id="80" name="OTLSHAPE_SLT_09e35f18fef64b998c755a0aaca05cda_TextPercentage">
            <a:extLst>
              <a:ext uri="{FF2B5EF4-FFF2-40B4-BE49-F238E27FC236}">
                <a16:creationId xmlns:a16="http://schemas.microsoft.com/office/drawing/2014/main" id="{361DBC00-2544-FA80-C76D-81387118A0C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279171" y="420156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0" name="OTLSHAPE_SLT_c5add20798a849cabe908ee7473d6906_JoinedDate">
            <a:extLst>
              <a:ext uri="{FF2B5EF4-FFF2-40B4-BE49-F238E27FC236}">
                <a16:creationId xmlns:a16="http://schemas.microsoft.com/office/drawing/2014/main" id="{CEFA383A-238C-ADA7-2F6F-AFC70466F85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994950" y="448638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 - Oct 31</a:t>
            </a:r>
          </a:p>
        </p:txBody>
      </p:sp>
      <p:sp>
        <p:nvSpPr>
          <p:cNvPr id="91" name="OTLSHAPE_SLT_c5add20798a849cabe908ee7473d6906_Title">
            <a:extLst>
              <a:ext uri="{FF2B5EF4-FFF2-40B4-BE49-F238E27FC236}">
                <a16:creationId xmlns:a16="http://schemas.microsoft.com/office/drawing/2014/main" id="{3A025917-2D88-79A0-9790-A6248A8181F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697931" y="4478637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ugh-in electrical wiring</a:t>
            </a:r>
          </a:p>
        </p:txBody>
      </p:sp>
      <p:sp>
        <p:nvSpPr>
          <p:cNvPr id="92" name="OTLSHAPE_SLT_c5add20798a849cabe908ee7473d6906_TextPercentage">
            <a:extLst>
              <a:ext uri="{FF2B5EF4-FFF2-40B4-BE49-F238E27FC236}">
                <a16:creationId xmlns:a16="http://schemas.microsoft.com/office/drawing/2014/main" id="{76B46290-1B47-037E-F7A3-F394160BD41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927349" y="448638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9" name="OTLSHAPE_SLT_fe30d8fd96d24f32a18563da29cb31b4_JoinedDate">
            <a:extLst>
              <a:ext uri="{FF2B5EF4-FFF2-40B4-BE49-F238E27FC236}">
                <a16:creationId xmlns:a16="http://schemas.microsoft.com/office/drawing/2014/main" id="{A6C05146-5C56-EDA7-AE07-32619810009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091595" y="469500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2 - Nov 10</a:t>
            </a:r>
          </a:p>
        </p:txBody>
      </p:sp>
      <p:sp>
        <p:nvSpPr>
          <p:cNvPr id="100" name="OTLSHAPE_SLT_fe30d8fd96d24f32a18563da29cb31b4_Title">
            <a:extLst>
              <a:ext uri="{FF2B5EF4-FFF2-40B4-BE49-F238E27FC236}">
                <a16:creationId xmlns:a16="http://schemas.microsoft.com/office/drawing/2014/main" id="{D49238EF-EA49-C7E8-01E2-81ACB1D5EFF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308368" y="468725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ugh-in plumbing</a:t>
            </a:r>
          </a:p>
        </p:txBody>
      </p:sp>
      <p:sp>
        <p:nvSpPr>
          <p:cNvPr id="101" name="OTLSHAPE_SLT_fe30d8fd96d24f32a18563da29cb31b4_TextPercentage">
            <a:extLst>
              <a:ext uri="{FF2B5EF4-FFF2-40B4-BE49-F238E27FC236}">
                <a16:creationId xmlns:a16="http://schemas.microsoft.com/office/drawing/2014/main" id="{301F81AA-B069-AB0A-692B-E3E83FD3569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049437" y="469500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08" name="OTLSHAPE_SLT_0eea1d34b96e4b469f9b71d9c1583eed_JoinedDate">
            <a:extLst>
              <a:ext uri="{FF2B5EF4-FFF2-40B4-BE49-F238E27FC236}">
                <a16:creationId xmlns:a16="http://schemas.microsoft.com/office/drawing/2014/main" id="{3A716662-8E6D-599C-45F8-0C7C5A0EE7E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531200" y="490362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5 - Nov 25</a:t>
            </a:r>
          </a:p>
        </p:txBody>
      </p:sp>
      <p:sp>
        <p:nvSpPr>
          <p:cNvPr id="109" name="OTLSHAPE_SLT_0eea1d34b96e4b469f9b71d9c1583eed_Title">
            <a:extLst>
              <a:ext uri="{FF2B5EF4-FFF2-40B4-BE49-F238E27FC236}">
                <a16:creationId xmlns:a16="http://schemas.microsoft.com/office/drawing/2014/main" id="{21ACB1A6-72D5-BF49-47C8-0B7128138A7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274823" y="4895875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fixtures &amp; connections</a:t>
            </a:r>
          </a:p>
        </p:txBody>
      </p:sp>
      <p:sp>
        <p:nvSpPr>
          <p:cNvPr id="110" name="OTLSHAPE_SLT_0eea1d34b96e4b469f9b71d9c1583eed_TextPercentage">
            <a:extLst>
              <a:ext uri="{FF2B5EF4-FFF2-40B4-BE49-F238E27FC236}">
                <a16:creationId xmlns:a16="http://schemas.microsoft.com/office/drawing/2014/main" id="{82DA5B57-D581-DC2F-E4A7-C7A0FD26811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514485" y="490362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20" name="OTLSHAPE_SLT_f1871cb8ead94c9a9ab2883a2f49e010_JoinedDate">
            <a:extLst>
              <a:ext uri="{FF2B5EF4-FFF2-40B4-BE49-F238E27FC236}">
                <a16:creationId xmlns:a16="http://schemas.microsoft.com/office/drawing/2014/main" id="{05E6C95F-95E9-FCD0-8290-611136F0F91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93709" y="518844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 - Dec 15</a:t>
            </a:r>
          </a:p>
        </p:txBody>
      </p:sp>
      <p:sp>
        <p:nvSpPr>
          <p:cNvPr id="121" name="OTLSHAPE_SLT_f1871cb8ead94c9a9ab2883a2f49e010_Title">
            <a:extLst>
              <a:ext uri="{FF2B5EF4-FFF2-40B4-BE49-F238E27FC236}">
                <a16:creationId xmlns:a16="http://schemas.microsoft.com/office/drawing/2014/main" id="{8617D4D0-0F6A-909E-8C34-A5EF98C2787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95696" y="518069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drywall &amp; insulation</a:t>
            </a:r>
          </a:p>
        </p:txBody>
      </p:sp>
      <p:sp>
        <p:nvSpPr>
          <p:cNvPr id="122" name="OTLSHAPE_SLT_f1871cb8ead94c9a9ab2883a2f49e010_TextPercentage">
            <a:extLst>
              <a:ext uri="{FF2B5EF4-FFF2-40B4-BE49-F238E27FC236}">
                <a16:creationId xmlns:a16="http://schemas.microsoft.com/office/drawing/2014/main" id="{1AC39CAF-66C9-5F6F-273B-C6EBB3CA0C9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491183" y="518844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29" name="OTLSHAPE_SLT_e15fa74d05eb44b7bc46df284fa73e7e_JoinedDate">
            <a:extLst>
              <a:ext uri="{FF2B5EF4-FFF2-40B4-BE49-F238E27FC236}">
                <a16:creationId xmlns:a16="http://schemas.microsoft.com/office/drawing/2014/main" id="{BCC5D9C6-AA2F-F7AE-A6B2-FC125043A55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444974" y="548231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6 - Dec 22</a:t>
            </a:r>
          </a:p>
        </p:txBody>
      </p:sp>
      <p:sp>
        <p:nvSpPr>
          <p:cNvPr id="130" name="OTLSHAPE_SLT_e15fa74d05eb44b7bc46df284fa73e7e_Title">
            <a:extLst>
              <a:ext uri="{FF2B5EF4-FFF2-40B4-BE49-F238E27FC236}">
                <a16:creationId xmlns:a16="http://schemas.microsoft.com/office/drawing/2014/main" id="{62CB3F8F-4462-9476-BA6C-A56E02C704F3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923001" y="5389312"/>
            <a:ext cx="105827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int interior walls &amp; ceilings</a:t>
            </a:r>
          </a:p>
        </p:txBody>
      </p:sp>
      <p:sp>
        <p:nvSpPr>
          <p:cNvPr id="131" name="OTLSHAPE_SLT_e15fa74d05eb44b7bc46df284fa73e7e_TextPercentage">
            <a:extLst>
              <a:ext uri="{FF2B5EF4-FFF2-40B4-BE49-F238E27FC236}">
                <a16:creationId xmlns:a16="http://schemas.microsoft.com/office/drawing/2014/main" id="{B7FD541B-1E3D-BD4F-71D5-5BFADA6780C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406838" y="548231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8" name="OTLSHAPE_SLT_9cecb66db78842e6aff23caea10c8ba1_JoinedDate">
            <a:extLst>
              <a:ext uri="{FF2B5EF4-FFF2-40B4-BE49-F238E27FC236}">
                <a16:creationId xmlns:a16="http://schemas.microsoft.com/office/drawing/2014/main" id="{B6B1D4BF-EAE0-55B5-ABFF-F40A7C1C8D2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906341" y="57684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7 - Jan 12</a:t>
            </a:r>
          </a:p>
        </p:txBody>
      </p:sp>
      <p:sp>
        <p:nvSpPr>
          <p:cNvPr id="139" name="OTLSHAPE_SLT_9cecb66db78842e6aff23caea10c8ba1_Title">
            <a:extLst>
              <a:ext uri="{FF2B5EF4-FFF2-40B4-BE49-F238E27FC236}">
                <a16:creationId xmlns:a16="http://schemas.microsoft.com/office/drawing/2014/main" id="{404958A3-891E-6A21-6D01-580EC27EE55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737099" y="5923474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oring installation</a:t>
            </a:r>
          </a:p>
        </p:txBody>
      </p:sp>
      <p:sp>
        <p:nvSpPr>
          <p:cNvPr id="140" name="OTLSHAPE_SLT_9cecb66db78842e6aff23caea10c8ba1_TextPercentage">
            <a:extLst>
              <a:ext uri="{FF2B5EF4-FFF2-40B4-BE49-F238E27FC236}">
                <a16:creationId xmlns:a16="http://schemas.microsoft.com/office/drawing/2014/main" id="{77565316-8C3F-0C2B-ABDF-0CF9545EFE9A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749799" y="576844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9" name="OTLSHAPE_SLT_6e8ff1571ede4173bdd3c6415d4bf695_JoinedDate">
            <a:extLst>
              <a:ext uri="{FF2B5EF4-FFF2-40B4-BE49-F238E27FC236}">
                <a16:creationId xmlns:a16="http://schemas.microsoft.com/office/drawing/2014/main" id="{B3669020-0D9F-C969-809C-ADEFE535BCB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824724" y="370812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00A7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4 - Aug 26</a:t>
            </a:r>
          </a:p>
        </p:txBody>
      </p:sp>
      <p:sp>
        <p:nvSpPr>
          <p:cNvPr id="190" name="OTLSHAPE_SLT_6e8ff1571ede4173bdd3c6415d4bf695_Title">
            <a:extLst>
              <a:ext uri="{FF2B5EF4-FFF2-40B4-BE49-F238E27FC236}">
                <a16:creationId xmlns:a16="http://schemas.microsoft.com/office/drawing/2014/main" id="{2EA0FF27-BF86-970C-EE82-C1D34A9F9C4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719849" y="354535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molition</a:t>
            </a:r>
          </a:p>
        </p:txBody>
      </p:sp>
      <p:sp>
        <p:nvSpPr>
          <p:cNvPr id="191" name="OTLSHAPE_SLT_6e8ff1571ede4173bdd3c6415d4bf695_TextPercentage">
            <a:extLst>
              <a:ext uri="{FF2B5EF4-FFF2-40B4-BE49-F238E27FC236}">
                <a16:creationId xmlns:a16="http://schemas.microsoft.com/office/drawing/2014/main" id="{73B4D1FF-DFAB-9737-3D57-25FF699A0A3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081256" y="355310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</a:p>
        </p:txBody>
      </p:sp>
      <p:sp>
        <p:nvSpPr>
          <p:cNvPr id="236" name="OTLSHAPE_TB_00000000000000000000000000000000_MiddleTimescaleInterval1">
            <a:extLst>
              <a:ext uri="{FF2B5EF4-FFF2-40B4-BE49-F238E27FC236}">
                <a16:creationId xmlns:a16="http://schemas.microsoft.com/office/drawing/2014/main" id="{94965D6D-5977-A9D1-2F52-928FE5C4829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143000" y="2289179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2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238" name="OTLSHAPE_TB_00000000000000000000000000000000_MiddleTimescaleInterval2">
            <a:extLst>
              <a:ext uri="{FF2B5EF4-FFF2-40B4-BE49-F238E27FC236}">
                <a16:creationId xmlns:a16="http://schemas.microsoft.com/office/drawing/2014/main" id="{85E42304-0207-B1E5-8D5C-25B6107CDE6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2974310" y="2289179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40" name="OTLSHAPE_TB_00000000000000000000000000000000_MiddleTimescaleInterval3">
            <a:extLst>
              <a:ext uri="{FF2B5EF4-FFF2-40B4-BE49-F238E27FC236}">
                <a16:creationId xmlns:a16="http://schemas.microsoft.com/office/drawing/2014/main" id="{1EDE0EAE-3568-1911-5DA5-BC8AB6E2092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805620" y="2289179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42" name="OTLSHAPE_TB_00000000000000000000000000000000_MiddleTimescaleInterval4">
            <a:extLst>
              <a:ext uri="{FF2B5EF4-FFF2-40B4-BE49-F238E27FC236}">
                <a16:creationId xmlns:a16="http://schemas.microsoft.com/office/drawing/2014/main" id="{4AEA1C84-B923-B85A-7294-104867ADC4E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697973" y="2289179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44" name="OTLSHAPE_TB_00000000000000000000000000000000_MiddleTimescaleInterval5">
            <a:extLst>
              <a:ext uri="{FF2B5EF4-FFF2-40B4-BE49-F238E27FC236}">
                <a16:creationId xmlns:a16="http://schemas.microsoft.com/office/drawing/2014/main" id="{4EC42091-C66E-8B89-360C-A823AE63165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529283" y="2289179"/>
            <a:ext cx="2388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46" name="OTLSHAPE_TB_00000000000000000000000000000000_MiddleTimescaleInterval6">
            <a:extLst>
              <a:ext uri="{FF2B5EF4-FFF2-40B4-BE49-F238E27FC236}">
                <a16:creationId xmlns:a16="http://schemas.microsoft.com/office/drawing/2014/main" id="{573BEF40-3EEB-965D-F86D-22017FA5E9C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421637" y="2289179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5" name="OTLSHAPE_TB_00000000000000000000000000000000_BottomTimescaleInterval2">
            <a:extLst>
              <a:ext uri="{FF2B5EF4-FFF2-40B4-BE49-F238E27FC236}">
                <a16:creationId xmlns:a16="http://schemas.microsoft.com/office/drawing/2014/main" id="{269CD5CF-D941-847F-2744-69F3F4BDF340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570306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287" name="OTLSHAPE_TB_00000000000000000000000000000000_BottomTimescaleInterval3">
            <a:extLst>
              <a:ext uri="{FF2B5EF4-FFF2-40B4-BE49-F238E27FC236}">
                <a16:creationId xmlns:a16="http://schemas.microsoft.com/office/drawing/2014/main" id="{15241626-F60C-261A-41EC-EF63611C51A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997611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89" name="OTLSHAPE_TB_00000000000000000000000000000000_BottomTimescaleInterval4">
            <a:extLst>
              <a:ext uri="{FF2B5EF4-FFF2-40B4-BE49-F238E27FC236}">
                <a16:creationId xmlns:a16="http://schemas.microsoft.com/office/drawing/2014/main" id="{B69ABBEC-BF16-31F6-291C-AC47EA5534B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2424917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291" name="OTLSHAPE_TB_00000000000000000000000000000000_BottomTimescaleInterval5">
            <a:extLst>
              <a:ext uri="{FF2B5EF4-FFF2-40B4-BE49-F238E27FC236}">
                <a16:creationId xmlns:a16="http://schemas.microsoft.com/office/drawing/2014/main" id="{13439E05-1838-29C5-4779-4FD4DF70D73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852223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93" name="OTLSHAPE_TB_00000000000000000000000000000000_BottomTimescaleInterval6">
            <a:extLst>
              <a:ext uri="{FF2B5EF4-FFF2-40B4-BE49-F238E27FC236}">
                <a16:creationId xmlns:a16="http://schemas.microsoft.com/office/drawing/2014/main" id="{B423F26A-B441-27EC-25F6-D416E22661D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279528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295" name="OTLSHAPE_TB_00000000000000000000000000000000_BottomTimescaleInterval7">
            <a:extLst>
              <a:ext uri="{FF2B5EF4-FFF2-40B4-BE49-F238E27FC236}">
                <a16:creationId xmlns:a16="http://schemas.microsoft.com/office/drawing/2014/main" id="{7309B7D1-777F-47B9-F12E-6D8F5AC6D19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706834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97" name="OTLSHAPE_TB_00000000000000000000000000000000_BottomTimescaleInterval8">
            <a:extLst>
              <a:ext uri="{FF2B5EF4-FFF2-40B4-BE49-F238E27FC236}">
                <a16:creationId xmlns:a16="http://schemas.microsoft.com/office/drawing/2014/main" id="{059A2975-2078-088D-72CE-16BF7FBFBB4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134140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</a:t>
            </a:r>
          </a:p>
        </p:txBody>
      </p:sp>
      <p:sp>
        <p:nvSpPr>
          <p:cNvPr id="299" name="OTLSHAPE_TB_00000000000000000000000000000000_BottomTimescaleInterval9">
            <a:extLst>
              <a:ext uri="{FF2B5EF4-FFF2-40B4-BE49-F238E27FC236}">
                <a16:creationId xmlns:a16="http://schemas.microsoft.com/office/drawing/2014/main" id="{FF1377F4-99C7-AF5D-B145-EFFBB6E1843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561445" y="248120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301" name="OTLSHAPE_TB_00000000000000000000000000000000_BottomTimescaleInterval10">
            <a:extLst>
              <a:ext uri="{FF2B5EF4-FFF2-40B4-BE49-F238E27FC236}">
                <a16:creationId xmlns:a16="http://schemas.microsoft.com/office/drawing/2014/main" id="{A6E5854E-DAE5-913F-F5D6-B3784314262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988751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303" name="OTLSHAPE_TB_00000000000000000000000000000000_BottomTimescaleInterval11">
            <a:extLst>
              <a:ext uri="{FF2B5EF4-FFF2-40B4-BE49-F238E27FC236}">
                <a16:creationId xmlns:a16="http://schemas.microsoft.com/office/drawing/2014/main" id="{5A8355F2-50A1-D922-78F4-6EEC7848812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416056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305" name="OTLSHAPE_TB_00000000000000000000000000000000_BottomTimescaleInterval12">
            <a:extLst>
              <a:ext uri="{FF2B5EF4-FFF2-40B4-BE49-F238E27FC236}">
                <a16:creationId xmlns:a16="http://schemas.microsoft.com/office/drawing/2014/main" id="{A1C0089F-288C-2DB7-CE47-946B638D4605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843362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</a:t>
            </a:r>
          </a:p>
        </p:txBody>
      </p:sp>
      <p:sp>
        <p:nvSpPr>
          <p:cNvPr id="307" name="OTLSHAPE_TB_00000000000000000000000000000000_BottomTimescaleInterval13">
            <a:extLst>
              <a:ext uri="{FF2B5EF4-FFF2-40B4-BE49-F238E27FC236}">
                <a16:creationId xmlns:a16="http://schemas.microsoft.com/office/drawing/2014/main" id="{553F96E6-C54C-B0E7-3FE3-6FC08F8F938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270668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309" name="OTLSHAPE_TB_00000000000000000000000000000000_BottomTimescaleInterval14">
            <a:extLst>
              <a:ext uri="{FF2B5EF4-FFF2-40B4-BE49-F238E27FC236}">
                <a16:creationId xmlns:a16="http://schemas.microsoft.com/office/drawing/2014/main" id="{FCBD832B-32D9-B2BB-238B-DB99FAC3600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697973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</a:p>
        </p:txBody>
      </p:sp>
      <p:sp>
        <p:nvSpPr>
          <p:cNvPr id="311" name="OTLSHAPE_TB_00000000000000000000000000000000_BottomTimescaleInterval15">
            <a:extLst>
              <a:ext uri="{FF2B5EF4-FFF2-40B4-BE49-F238E27FC236}">
                <a16:creationId xmlns:a16="http://schemas.microsoft.com/office/drawing/2014/main" id="{77C1FD19-D49D-3508-89F9-719804D7CB7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25279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</a:t>
            </a:r>
          </a:p>
        </p:txBody>
      </p:sp>
      <p:sp>
        <p:nvSpPr>
          <p:cNvPr id="313" name="OTLSHAPE_TB_00000000000000000000000000000000_BottomTimescaleInterval16">
            <a:extLst>
              <a:ext uri="{FF2B5EF4-FFF2-40B4-BE49-F238E27FC236}">
                <a16:creationId xmlns:a16="http://schemas.microsoft.com/office/drawing/2014/main" id="{161116FB-7C8B-64CA-AC7B-046B8DE426A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52585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</a:t>
            </a:r>
          </a:p>
        </p:txBody>
      </p:sp>
      <p:sp>
        <p:nvSpPr>
          <p:cNvPr id="315" name="OTLSHAPE_TB_00000000000000000000000000000000_BottomTimescaleInterval17">
            <a:extLst>
              <a:ext uri="{FF2B5EF4-FFF2-40B4-BE49-F238E27FC236}">
                <a16:creationId xmlns:a16="http://schemas.microsoft.com/office/drawing/2014/main" id="{4EBC6FB4-9859-3533-9238-890036586FEE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979890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</a:p>
        </p:txBody>
      </p:sp>
      <p:sp>
        <p:nvSpPr>
          <p:cNvPr id="317" name="OTLSHAPE_TB_00000000000000000000000000000000_BottomTimescaleInterval18">
            <a:extLst>
              <a:ext uri="{FF2B5EF4-FFF2-40B4-BE49-F238E27FC236}">
                <a16:creationId xmlns:a16="http://schemas.microsoft.com/office/drawing/2014/main" id="{2446DCCC-6EF2-2AFE-0DBE-0A6BA48E49F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8407196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</a:t>
            </a:r>
          </a:p>
        </p:txBody>
      </p:sp>
      <p:sp>
        <p:nvSpPr>
          <p:cNvPr id="319" name="OTLSHAPE_TB_00000000000000000000000000000000_BottomTimescaleInterval19">
            <a:extLst>
              <a:ext uri="{FF2B5EF4-FFF2-40B4-BE49-F238E27FC236}">
                <a16:creationId xmlns:a16="http://schemas.microsoft.com/office/drawing/2014/main" id="{8AF24C12-D747-5814-65DB-E4476151AD76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834502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321" name="OTLSHAPE_TB_00000000000000000000000000000000_BottomTimescaleInterval20">
            <a:extLst>
              <a:ext uri="{FF2B5EF4-FFF2-40B4-BE49-F238E27FC236}">
                <a16:creationId xmlns:a16="http://schemas.microsoft.com/office/drawing/2014/main" id="{FE5DF93F-AB45-54F7-8143-856D47C029A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9261808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</a:t>
            </a:r>
          </a:p>
        </p:txBody>
      </p:sp>
      <p:sp>
        <p:nvSpPr>
          <p:cNvPr id="323" name="OTLSHAPE_TB_00000000000000000000000000000000_BottomTimescaleInterval21">
            <a:extLst>
              <a:ext uri="{FF2B5EF4-FFF2-40B4-BE49-F238E27FC236}">
                <a16:creationId xmlns:a16="http://schemas.microsoft.com/office/drawing/2014/main" id="{4C25DD27-DE29-D814-9BF5-748A785E7134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9689112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</a:t>
            </a:r>
          </a:p>
        </p:txBody>
      </p:sp>
      <p:sp>
        <p:nvSpPr>
          <p:cNvPr id="325" name="OTLSHAPE_TB_00000000000000000000000000000000_BottomTimescaleInterval22">
            <a:extLst>
              <a:ext uri="{FF2B5EF4-FFF2-40B4-BE49-F238E27FC236}">
                <a16:creationId xmlns:a16="http://schemas.microsoft.com/office/drawing/2014/main" id="{F4ACADE9-DC6C-84A0-9176-2D2CB0D55D8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116418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</a:t>
            </a:r>
          </a:p>
        </p:txBody>
      </p:sp>
      <p:sp>
        <p:nvSpPr>
          <p:cNvPr id="327" name="OTLSHAPE_TB_00000000000000000000000000000000_BottomTimescaleInterval23">
            <a:extLst>
              <a:ext uri="{FF2B5EF4-FFF2-40B4-BE49-F238E27FC236}">
                <a16:creationId xmlns:a16="http://schemas.microsoft.com/office/drawing/2014/main" id="{06C63919-FCE6-8418-C711-1389AB8B3CC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0543724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</a:t>
            </a:r>
          </a:p>
        </p:txBody>
      </p:sp>
      <p:sp>
        <p:nvSpPr>
          <p:cNvPr id="329" name="OTLSHAPE_TB_00000000000000000000000000000000_BottomTimescaleInterval24">
            <a:extLst>
              <a:ext uri="{FF2B5EF4-FFF2-40B4-BE49-F238E27FC236}">
                <a16:creationId xmlns:a16="http://schemas.microsoft.com/office/drawing/2014/main" id="{D82DF53B-33C9-CDB6-FE63-B198F510B966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0971030" y="248120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</a:t>
            </a:r>
          </a:p>
        </p:txBody>
      </p:sp>
      <p:sp>
        <p:nvSpPr>
          <p:cNvPr id="4" name="OTLSHAPE_TB_00000000000000000000000000000000_BottomTimescaleInterval1" hidden="1">
            <a:extLst>
              <a:ext uri="{FF2B5EF4-FFF2-40B4-BE49-F238E27FC236}">
                <a16:creationId xmlns:a16="http://schemas.microsoft.com/office/drawing/2014/main" id="{3DFFA8AD-3CC2-6AB9-9F0F-D02132B5D3D0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668" y="61783"/>
            <a:ext cx="431800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39" name="OTLSHAPE_SLT_7adc1049b783436485e992cca81634e6_Duration" hidden="1">
            <a:extLst>
              <a:ext uri="{FF2B5EF4-FFF2-40B4-BE49-F238E27FC236}">
                <a16:creationId xmlns:a16="http://schemas.microsoft.com/office/drawing/2014/main" id="{1ACE70E7-CFA8-B680-E776-285DA401BF4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227915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40" name="OTLSHAPE_SLT_7adc1049b783436485e992cca81634e6_TextPercentage" hidden="1">
            <a:extLst>
              <a:ext uri="{FF2B5EF4-FFF2-40B4-BE49-F238E27FC236}">
                <a16:creationId xmlns:a16="http://schemas.microsoft.com/office/drawing/2014/main" id="{46888886-25AC-D78F-4F63-81B9BB70A9F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50971"/>
            <a:ext cx="292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41" name="OTLSHAPE_SLT_7adc1049b783436485e992cca81634e6_Variance" hidden="1">
            <a:extLst>
              <a:ext uri="{FF2B5EF4-FFF2-40B4-BE49-F238E27FC236}">
                <a16:creationId xmlns:a16="http://schemas.microsoft.com/office/drawing/2014/main" id="{90971B09-EF46-CD75-D3E5-7426A58EC0A6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SLT_7adc1049b783436485e992cca81634e6_StartDate" hidden="1">
            <a:extLst>
              <a:ext uri="{FF2B5EF4-FFF2-40B4-BE49-F238E27FC236}">
                <a16:creationId xmlns:a16="http://schemas.microsoft.com/office/drawing/2014/main" id="{BA84D08C-18C7-7132-6B3B-E85F7238CDF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SLT_7adc1049b783436485e992cca81634e6_EndDate" hidden="1">
            <a:extLst>
              <a:ext uri="{FF2B5EF4-FFF2-40B4-BE49-F238E27FC236}">
                <a16:creationId xmlns:a16="http://schemas.microsoft.com/office/drawing/2014/main" id="{023D3683-4DED-824F-943E-7525709FE3E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50322f39d948437d9ad59e4fc4d1c8a1_Duration" hidden="1">
            <a:extLst>
              <a:ext uri="{FF2B5EF4-FFF2-40B4-BE49-F238E27FC236}">
                <a16:creationId xmlns:a16="http://schemas.microsoft.com/office/drawing/2014/main" id="{6CBDA21B-77B9-7C62-F510-8BCF83975CBB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50" name="OTLSHAPE_SLT_50322f39d948437d9ad59e4fc4d1c8a1_Variance" hidden="1">
            <a:extLst>
              <a:ext uri="{FF2B5EF4-FFF2-40B4-BE49-F238E27FC236}">
                <a16:creationId xmlns:a16="http://schemas.microsoft.com/office/drawing/2014/main" id="{9D64C56F-C7D0-745E-9817-168CE678F212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OTLSHAPE_SLT_50322f39d948437d9ad59e4fc4d1c8a1_StartDate" hidden="1">
            <a:extLst>
              <a:ext uri="{FF2B5EF4-FFF2-40B4-BE49-F238E27FC236}">
                <a16:creationId xmlns:a16="http://schemas.microsoft.com/office/drawing/2014/main" id="{80AFD025-8D5F-A26C-9A87-C8933891B63B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50322f39d948437d9ad59e4fc4d1c8a1_EndDate" hidden="1">
            <a:extLst>
              <a:ext uri="{FF2B5EF4-FFF2-40B4-BE49-F238E27FC236}">
                <a16:creationId xmlns:a16="http://schemas.microsoft.com/office/drawing/2014/main" id="{15292668-2A70-F48C-E375-6AAF04107033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T_6e8ff1571ede4173bdd3c6415d4bf695_Duration" hidden="1">
            <a:extLst>
              <a:ext uri="{FF2B5EF4-FFF2-40B4-BE49-F238E27FC236}">
                <a16:creationId xmlns:a16="http://schemas.microsoft.com/office/drawing/2014/main" id="{3DA2A318-54F5-5DE1-BACD-632A6BAAD1D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 days</a:t>
            </a:r>
          </a:p>
        </p:txBody>
      </p:sp>
      <p:sp>
        <p:nvSpPr>
          <p:cNvPr id="61" name="OTLSHAPE_SLT_6e8ff1571ede4173bdd3c6415d4bf695_Variance" hidden="1">
            <a:extLst>
              <a:ext uri="{FF2B5EF4-FFF2-40B4-BE49-F238E27FC236}">
                <a16:creationId xmlns:a16="http://schemas.microsoft.com/office/drawing/2014/main" id="{3C932391-3857-C421-8FA0-315A8949946E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SLT_6e8ff1571ede4173bdd3c6415d4bf695_StartDate" hidden="1">
            <a:extLst>
              <a:ext uri="{FF2B5EF4-FFF2-40B4-BE49-F238E27FC236}">
                <a16:creationId xmlns:a16="http://schemas.microsoft.com/office/drawing/2014/main" id="{88772CB7-E5B6-1B0A-B6C9-C26C828C0711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5" name="OTLSHAPE_SLT_6e8ff1571ede4173bdd3c6415d4bf695_EndDate" hidden="1">
            <a:extLst>
              <a:ext uri="{FF2B5EF4-FFF2-40B4-BE49-F238E27FC236}">
                <a16:creationId xmlns:a16="http://schemas.microsoft.com/office/drawing/2014/main" id="{556779AE-F3D4-A505-7EFE-A3F03AA1AAF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5" name="OTLSHAPE_SLT_1f15bda98b9141f69561c858f6493dc6_Duration" hidden="1">
            <a:extLst>
              <a:ext uri="{FF2B5EF4-FFF2-40B4-BE49-F238E27FC236}">
                <a16:creationId xmlns:a16="http://schemas.microsoft.com/office/drawing/2014/main" id="{42A0D5DE-664D-BF99-59D4-309B9F8E2AA6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76" name="OTLSHAPE_SLT_1f15bda98b9141f69561c858f6493dc6_Variance" hidden="1">
            <a:extLst>
              <a:ext uri="{FF2B5EF4-FFF2-40B4-BE49-F238E27FC236}">
                <a16:creationId xmlns:a16="http://schemas.microsoft.com/office/drawing/2014/main" id="{DE7C2EDE-6CA1-CC7F-C383-59CC38B8913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SLT_1f15bda98b9141f69561c858f6493dc6_StartDate" hidden="1">
            <a:extLst>
              <a:ext uri="{FF2B5EF4-FFF2-40B4-BE49-F238E27FC236}">
                <a16:creationId xmlns:a16="http://schemas.microsoft.com/office/drawing/2014/main" id="{4A5D23D9-BFC9-6DBD-B042-60CDF43009E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T_1f15bda98b9141f69561c858f6493dc6_EndDate" hidden="1">
            <a:extLst>
              <a:ext uri="{FF2B5EF4-FFF2-40B4-BE49-F238E27FC236}">
                <a16:creationId xmlns:a16="http://schemas.microsoft.com/office/drawing/2014/main" id="{9DE91F3A-AF27-3C9B-F35F-974308DBF7C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SLT_09e35f18fef64b998c755a0aaca05cda_Duration" hidden="1">
            <a:extLst>
              <a:ext uri="{FF2B5EF4-FFF2-40B4-BE49-F238E27FC236}">
                <a16:creationId xmlns:a16="http://schemas.microsoft.com/office/drawing/2014/main" id="{A841B35D-8BDE-A0EA-0501-80DC9717DBD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 days</a:t>
            </a:r>
          </a:p>
        </p:txBody>
      </p:sp>
      <p:sp>
        <p:nvSpPr>
          <p:cNvPr id="86" name="OTLSHAPE_SLT_09e35f18fef64b998c755a0aaca05cda_Variance" hidden="1">
            <a:extLst>
              <a:ext uri="{FF2B5EF4-FFF2-40B4-BE49-F238E27FC236}">
                <a16:creationId xmlns:a16="http://schemas.microsoft.com/office/drawing/2014/main" id="{5694F922-C78F-0045-3653-8EBC69130FD4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09e35f18fef64b998c755a0aaca05cda_StartDate" hidden="1">
            <a:extLst>
              <a:ext uri="{FF2B5EF4-FFF2-40B4-BE49-F238E27FC236}">
                <a16:creationId xmlns:a16="http://schemas.microsoft.com/office/drawing/2014/main" id="{8A6201B1-C59D-B36C-1BDF-4CAB84F4361B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09e35f18fef64b998c755a0aaca05cda_EndDate" hidden="1">
            <a:extLst>
              <a:ext uri="{FF2B5EF4-FFF2-40B4-BE49-F238E27FC236}">
                <a16:creationId xmlns:a16="http://schemas.microsoft.com/office/drawing/2014/main" id="{16EEDB5C-A3A4-12F6-3BE0-C1383E4F9D1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8" name="OTLSHAPE_SLT_c5add20798a849cabe908ee7473d6906_Duration" hidden="1">
            <a:extLst>
              <a:ext uri="{FF2B5EF4-FFF2-40B4-BE49-F238E27FC236}">
                <a16:creationId xmlns:a16="http://schemas.microsoft.com/office/drawing/2014/main" id="{0D8643FA-1287-DAFD-60F0-A8F1C99D6F56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 days</a:t>
            </a:r>
          </a:p>
        </p:txBody>
      </p:sp>
      <p:sp>
        <p:nvSpPr>
          <p:cNvPr id="104" name="OTLSHAPE_SLT_c5add20798a849cabe908ee7473d6906_Variance" hidden="1">
            <a:extLst>
              <a:ext uri="{FF2B5EF4-FFF2-40B4-BE49-F238E27FC236}">
                <a16:creationId xmlns:a16="http://schemas.microsoft.com/office/drawing/2014/main" id="{043E6AC3-E396-6079-01E8-33DF4FBF9DC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c5add20798a849cabe908ee7473d6906_StartDate" hidden="1">
            <a:extLst>
              <a:ext uri="{FF2B5EF4-FFF2-40B4-BE49-F238E27FC236}">
                <a16:creationId xmlns:a16="http://schemas.microsoft.com/office/drawing/2014/main" id="{C21BB1D9-3001-5D66-17B8-E96BB4FAB52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T_c5add20798a849cabe908ee7473d6906_EndDate" hidden="1">
            <a:extLst>
              <a:ext uri="{FF2B5EF4-FFF2-40B4-BE49-F238E27FC236}">
                <a16:creationId xmlns:a16="http://schemas.microsoft.com/office/drawing/2014/main" id="{26E66ED3-3411-F8FC-14C7-85EEE186B4C1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1" name="OTLSHAPE_SLT_fe30d8fd96d24f32a18563da29cb31b4_Duration" hidden="1">
            <a:extLst>
              <a:ext uri="{FF2B5EF4-FFF2-40B4-BE49-F238E27FC236}">
                <a16:creationId xmlns:a16="http://schemas.microsoft.com/office/drawing/2014/main" id="{4CCE60C2-8915-60E8-A78D-440B2689C032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 days</a:t>
            </a:r>
          </a:p>
        </p:txBody>
      </p:sp>
      <p:sp>
        <p:nvSpPr>
          <p:cNvPr id="112" name="OTLSHAPE_SLT_fe30d8fd96d24f32a18563da29cb31b4_Variance" hidden="1">
            <a:extLst>
              <a:ext uri="{FF2B5EF4-FFF2-40B4-BE49-F238E27FC236}">
                <a16:creationId xmlns:a16="http://schemas.microsoft.com/office/drawing/2014/main" id="{33601873-C3B4-84C9-71AA-ADD0E1BB6C5D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OTLSHAPE_SLT_fe30d8fd96d24f32a18563da29cb31b4_StartDate" hidden="1">
            <a:extLst>
              <a:ext uri="{FF2B5EF4-FFF2-40B4-BE49-F238E27FC236}">
                <a16:creationId xmlns:a16="http://schemas.microsoft.com/office/drawing/2014/main" id="{58EF60F7-6785-A0F5-61A5-138561BDEF87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fe30d8fd96d24f32a18563da29cb31b4_EndDate" hidden="1">
            <a:extLst>
              <a:ext uri="{FF2B5EF4-FFF2-40B4-BE49-F238E27FC236}">
                <a16:creationId xmlns:a16="http://schemas.microsoft.com/office/drawing/2014/main" id="{D68FE06D-FFD0-512A-2351-A61D29D9AE7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T_0eea1d34b96e4b469f9b71d9c1583eed_Duration" hidden="1">
            <a:extLst>
              <a:ext uri="{FF2B5EF4-FFF2-40B4-BE49-F238E27FC236}">
                <a16:creationId xmlns:a16="http://schemas.microsoft.com/office/drawing/2014/main" id="{F5A455D2-01B8-B6F9-9A06-E25C144CA91D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119" name="OTLSHAPE_SLT_0eea1d34b96e4b469f9b71d9c1583eed_Variance" hidden="1">
            <a:extLst>
              <a:ext uri="{FF2B5EF4-FFF2-40B4-BE49-F238E27FC236}">
                <a16:creationId xmlns:a16="http://schemas.microsoft.com/office/drawing/2014/main" id="{B11EFED6-7954-6055-8D50-50C741341C4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OTLSHAPE_SLT_0eea1d34b96e4b469f9b71d9c1583eed_StartDate" hidden="1">
            <a:extLst>
              <a:ext uri="{FF2B5EF4-FFF2-40B4-BE49-F238E27FC236}">
                <a16:creationId xmlns:a16="http://schemas.microsoft.com/office/drawing/2014/main" id="{943CB138-6E4C-3A9B-7196-E2CC01D6F0E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OTLSHAPE_SLT_0eea1d34b96e4b469f9b71d9c1583eed_EndDate" hidden="1">
            <a:extLst>
              <a:ext uri="{FF2B5EF4-FFF2-40B4-BE49-F238E27FC236}">
                <a16:creationId xmlns:a16="http://schemas.microsoft.com/office/drawing/2014/main" id="{AD4F9E7C-63D1-B508-33BE-02454CCB735A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SLT_f1871cb8ead94c9a9ab2883a2f49e010_Duration" hidden="1">
            <a:extLst>
              <a:ext uri="{FF2B5EF4-FFF2-40B4-BE49-F238E27FC236}">
                <a16:creationId xmlns:a16="http://schemas.microsoft.com/office/drawing/2014/main" id="{206636C1-5407-19BE-E60F-831B7FB0120E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37" name="OTLSHAPE_SLT_f1871cb8ead94c9a9ab2883a2f49e010_Variance" hidden="1">
            <a:extLst>
              <a:ext uri="{FF2B5EF4-FFF2-40B4-BE49-F238E27FC236}">
                <a16:creationId xmlns:a16="http://schemas.microsoft.com/office/drawing/2014/main" id="{2314CC05-529A-EF67-CC9E-7609ADB8DBB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1" name="OTLSHAPE_SLT_f1871cb8ead94c9a9ab2883a2f49e010_StartDate" hidden="1">
            <a:extLst>
              <a:ext uri="{FF2B5EF4-FFF2-40B4-BE49-F238E27FC236}">
                <a16:creationId xmlns:a16="http://schemas.microsoft.com/office/drawing/2014/main" id="{89ED5FB0-C62C-4A45-2719-1850426141B6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OTLSHAPE_SLT_f1871cb8ead94c9a9ab2883a2f49e010_EndDate" hidden="1">
            <a:extLst>
              <a:ext uri="{FF2B5EF4-FFF2-40B4-BE49-F238E27FC236}">
                <a16:creationId xmlns:a16="http://schemas.microsoft.com/office/drawing/2014/main" id="{2B43F2BE-FE2D-F503-9F7E-309BAB7B7225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e15fa74d05eb44b7bc46df284fa73e7e_Duration" hidden="1">
            <a:extLst>
              <a:ext uri="{FF2B5EF4-FFF2-40B4-BE49-F238E27FC236}">
                <a16:creationId xmlns:a16="http://schemas.microsoft.com/office/drawing/2014/main" id="{0D9E1A4C-9602-C170-0DA2-B56C9405E1D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45" name="OTLSHAPE_SLT_e15fa74d05eb44b7bc46df284fa73e7e_Variance" hidden="1">
            <a:extLst>
              <a:ext uri="{FF2B5EF4-FFF2-40B4-BE49-F238E27FC236}">
                <a16:creationId xmlns:a16="http://schemas.microsoft.com/office/drawing/2014/main" id="{626B2574-67D0-15C6-E441-6735224CFAA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OTLSHAPE_SLT_e15fa74d05eb44b7bc46df284fa73e7e_StartDate" hidden="1">
            <a:extLst>
              <a:ext uri="{FF2B5EF4-FFF2-40B4-BE49-F238E27FC236}">
                <a16:creationId xmlns:a16="http://schemas.microsoft.com/office/drawing/2014/main" id="{E3094B69-7E23-E643-D803-A01ED86CEB28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" name="OTLSHAPE_SLT_e15fa74d05eb44b7bc46df284fa73e7e_EndDate" hidden="1">
            <a:extLst>
              <a:ext uri="{FF2B5EF4-FFF2-40B4-BE49-F238E27FC236}">
                <a16:creationId xmlns:a16="http://schemas.microsoft.com/office/drawing/2014/main" id="{39B00CAD-86F7-E67F-7F51-3DEE605C939F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" name="OTLSHAPE_SLT_9cecb66db78842e6aff23caea10c8ba1_Duration" hidden="1">
            <a:extLst>
              <a:ext uri="{FF2B5EF4-FFF2-40B4-BE49-F238E27FC236}">
                <a16:creationId xmlns:a16="http://schemas.microsoft.com/office/drawing/2014/main" id="{791DD6E6-F047-0D3A-E768-EC85CD6D1E68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51" name="OTLSHAPE_SLT_9cecb66db78842e6aff23caea10c8ba1_Variance" hidden="1">
            <a:extLst>
              <a:ext uri="{FF2B5EF4-FFF2-40B4-BE49-F238E27FC236}">
                <a16:creationId xmlns:a16="http://schemas.microsoft.com/office/drawing/2014/main" id="{0F4D8E72-FFAB-1A76-FA8B-6E569A29A1D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SLT_9cecb66db78842e6aff23caea10c8ba1_StartDate" hidden="1">
            <a:extLst>
              <a:ext uri="{FF2B5EF4-FFF2-40B4-BE49-F238E27FC236}">
                <a16:creationId xmlns:a16="http://schemas.microsoft.com/office/drawing/2014/main" id="{4F42229F-9775-A27E-0E99-D27DBCA9D8D8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9cecb66db78842e6aff23caea10c8ba1_EndDate" hidden="1">
            <a:extLst>
              <a:ext uri="{FF2B5EF4-FFF2-40B4-BE49-F238E27FC236}">
                <a16:creationId xmlns:a16="http://schemas.microsoft.com/office/drawing/2014/main" id="{9D3CADA2-04B2-5695-FFB0-A437B39D091A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0A7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C22C80B-EB0A-30BF-E363-77DA67FF8EA1}"/>
              </a:ext>
            </a:extLst>
          </p:cNvPr>
          <p:cNvCxnSpPr/>
          <p:nvPr>
            <p:custDataLst>
              <p:tags r:id="rId215"/>
            </p:custDataLst>
          </p:nvPr>
        </p:nvCxnSpPr>
        <p:spPr>
          <a:xfrm>
            <a:off x="10370836" y="2117030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MiddleSeparator1">
            <a:extLst>
              <a:ext uri="{FF2B5EF4-FFF2-40B4-BE49-F238E27FC236}">
                <a16:creationId xmlns:a16="http://schemas.microsoft.com/office/drawing/2014/main" id="{AFFBD916-90F1-C134-2E67-A70C020A2FCB}"/>
              </a:ext>
            </a:extLst>
          </p:cNvPr>
          <p:cNvCxnSpPr/>
          <p:nvPr>
            <p:custDataLst>
              <p:tags r:id="rId216"/>
            </p:custDataLst>
          </p:nvPr>
        </p:nvCxnSpPr>
        <p:spPr>
          <a:xfrm>
            <a:off x="2923509" y="2309054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MiddleSeparator2">
            <a:extLst>
              <a:ext uri="{FF2B5EF4-FFF2-40B4-BE49-F238E27FC236}">
                <a16:creationId xmlns:a16="http://schemas.microsoft.com/office/drawing/2014/main" id="{51CC8AFB-EB4F-FB9B-4391-36FE9B0CA82C}"/>
              </a:ext>
            </a:extLst>
          </p:cNvPr>
          <p:cNvCxnSpPr/>
          <p:nvPr>
            <p:custDataLst>
              <p:tags r:id="rId217"/>
            </p:custDataLst>
          </p:nvPr>
        </p:nvCxnSpPr>
        <p:spPr>
          <a:xfrm>
            <a:off x="4754819" y="2309054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MiddleSeparator3">
            <a:extLst>
              <a:ext uri="{FF2B5EF4-FFF2-40B4-BE49-F238E27FC236}">
                <a16:creationId xmlns:a16="http://schemas.microsoft.com/office/drawing/2014/main" id="{372B46F0-CE70-B146-4B6B-BB8E8C0187F5}"/>
              </a:ext>
            </a:extLst>
          </p:cNvPr>
          <p:cNvCxnSpPr/>
          <p:nvPr>
            <p:custDataLst>
              <p:tags r:id="rId218"/>
            </p:custDataLst>
          </p:nvPr>
        </p:nvCxnSpPr>
        <p:spPr>
          <a:xfrm>
            <a:off x="6647173" y="2309054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MiddleSeparator4">
            <a:extLst>
              <a:ext uri="{FF2B5EF4-FFF2-40B4-BE49-F238E27FC236}">
                <a16:creationId xmlns:a16="http://schemas.microsoft.com/office/drawing/2014/main" id="{EA674838-DB9A-A176-78F0-9F055C984BA2}"/>
              </a:ext>
            </a:extLst>
          </p:cNvPr>
          <p:cNvCxnSpPr/>
          <p:nvPr>
            <p:custDataLst>
              <p:tags r:id="rId219"/>
            </p:custDataLst>
          </p:nvPr>
        </p:nvCxnSpPr>
        <p:spPr>
          <a:xfrm>
            <a:off x="8478482" y="2309054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B_00000000000000000000000000000000_MiddleSeparator5">
            <a:extLst>
              <a:ext uri="{FF2B5EF4-FFF2-40B4-BE49-F238E27FC236}">
                <a16:creationId xmlns:a16="http://schemas.microsoft.com/office/drawing/2014/main" id="{621D9051-B4AC-1437-D5E8-3B293CE5DE71}"/>
              </a:ext>
            </a:extLst>
          </p:cNvPr>
          <p:cNvCxnSpPr/>
          <p:nvPr>
            <p:custDataLst>
              <p:tags r:id="rId220"/>
            </p:custDataLst>
          </p:nvPr>
        </p:nvCxnSpPr>
        <p:spPr>
          <a:xfrm>
            <a:off x="10370836" y="2309054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BottomSeparator1">
            <a:extLst>
              <a:ext uri="{FF2B5EF4-FFF2-40B4-BE49-F238E27FC236}">
                <a16:creationId xmlns:a16="http://schemas.microsoft.com/office/drawing/2014/main" id="{7D0B3429-A3A9-615F-A861-4F49BDEC798A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1519505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BottomSeparator2">
            <a:extLst>
              <a:ext uri="{FF2B5EF4-FFF2-40B4-BE49-F238E27FC236}">
                <a16:creationId xmlns:a16="http://schemas.microsoft.com/office/drawing/2014/main" id="{DA53FBB2-52BD-6A56-358F-1EB3FC791AE0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1946811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BottomSeparator3">
            <a:extLst>
              <a:ext uri="{FF2B5EF4-FFF2-40B4-BE49-F238E27FC236}">
                <a16:creationId xmlns:a16="http://schemas.microsoft.com/office/drawing/2014/main" id="{D48E1B25-2B55-5185-2ED8-6A8F14D12FB1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2374116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BottomSeparator4">
            <a:extLst>
              <a:ext uri="{FF2B5EF4-FFF2-40B4-BE49-F238E27FC236}">
                <a16:creationId xmlns:a16="http://schemas.microsoft.com/office/drawing/2014/main" id="{25EA7C6E-CF41-5992-C1B1-BE1C5C4679A3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2801422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BottomSeparator5">
            <a:extLst>
              <a:ext uri="{FF2B5EF4-FFF2-40B4-BE49-F238E27FC236}">
                <a16:creationId xmlns:a16="http://schemas.microsoft.com/office/drawing/2014/main" id="{8A2B28D4-B19A-8BD9-3C2C-E2F65C0B6E45}"/>
              </a:ext>
            </a:extLst>
          </p:cNvPr>
          <p:cNvCxnSpPr/>
          <p:nvPr>
            <p:custDataLst>
              <p:tags r:id="rId225"/>
            </p:custDataLst>
          </p:nvPr>
        </p:nvCxnSpPr>
        <p:spPr>
          <a:xfrm>
            <a:off x="3228728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BottomSeparator6">
            <a:extLst>
              <a:ext uri="{FF2B5EF4-FFF2-40B4-BE49-F238E27FC236}">
                <a16:creationId xmlns:a16="http://schemas.microsoft.com/office/drawing/2014/main" id="{786D770D-2A9C-CFA6-BF06-2703DDD9905C}"/>
              </a:ext>
            </a:extLst>
          </p:cNvPr>
          <p:cNvCxnSpPr/>
          <p:nvPr>
            <p:custDataLst>
              <p:tags r:id="rId226"/>
            </p:custDataLst>
          </p:nvPr>
        </p:nvCxnSpPr>
        <p:spPr>
          <a:xfrm>
            <a:off x="3656033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BottomSeparator7">
            <a:extLst>
              <a:ext uri="{FF2B5EF4-FFF2-40B4-BE49-F238E27FC236}">
                <a16:creationId xmlns:a16="http://schemas.microsoft.com/office/drawing/2014/main" id="{D9C999FB-C778-CB11-F5F9-7478F12CE437}"/>
              </a:ext>
            </a:extLst>
          </p:cNvPr>
          <p:cNvCxnSpPr/>
          <p:nvPr>
            <p:custDataLst>
              <p:tags r:id="rId227"/>
            </p:custDataLst>
          </p:nvPr>
        </p:nvCxnSpPr>
        <p:spPr>
          <a:xfrm>
            <a:off x="4083339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BottomSeparator8">
            <a:extLst>
              <a:ext uri="{FF2B5EF4-FFF2-40B4-BE49-F238E27FC236}">
                <a16:creationId xmlns:a16="http://schemas.microsoft.com/office/drawing/2014/main" id="{A8F62D88-E957-E7ED-F20E-105DBFD07A07}"/>
              </a:ext>
            </a:extLst>
          </p:cNvPr>
          <p:cNvCxnSpPr/>
          <p:nvPr>
            <p:custDataLst>
              <p:tags r:id="rId228"/>
            </p:custDataLst>
          </p:nvPr>
        </p:nvCxnSpPr>
        <p:spPr>
          <a:xfrm>
            <a:off x="4510644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TB_00000000000000000000000000000000_BottomSeparator9">
            <a:extLst>
              <a:ext uri="{FF2B5EF4-FFF2-40B4-BE49-F238E27FC236}">
                <a16:creationId xmlns:a16="http://schemas.microsoft.com/office/drawing/2014/main" id="{CBA38E15-2AF3-849A-42FA-F83DE97CE59F}"/>
              </a:ext>
            </a:extLst>
          </p:cNvPr>
          <p:cNvCxnSpPr/>
          <p:nvPr>
            <p:custDataLst>
              <p:tags r:id="rId229"/>
            </p:custDataLst>
          </p:nvPr>
        </p:nvCxnSpPr>
        <p:spPr>
          <a:xfrm>
            <a:off x="4937950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B_00000000000000000000000000000000_BottomSeparator10">
            <a:extLst>
              <a:ext uri="{FF2B5EF4-FFF2-40B4-BE49-F238E27FC236}">
                <a16:creationId xmlns:a16="http://schemas.microsoft.com/office/drawing/2014/main" id="{E4E4661A-783A-90D4-A3CB-778BBB07082D}"/>
              </a:ext>
            </a:extLst>
          </p:cNvPr>
          <p:cNvCxnSpPr/>
          <p:nvPr>
            <p:custDataLst>
              <p:tags r:id="rId230"/>
            </p:custDataLst>
          </p:nvPr>
        </p:nvCxnSpPr>
        <p:spPr>
          <a:xfrm>
            <a:off x="5365256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B_00000000000000000000000000000000_BottomSeparator11">
            <a:extLst>
              <a:ext uri="{FF2B5EF4-FFF2-40B4-BE49-F238E27FC236}">
                <a16:creationId xmlns:a16="http://schemas.microsoft.com/office/drawing/2014/main" id="{4C7F6156-2B9F-CA63-22E0-3D11E9DCC305}"/>
              </a:ext>
            </a:extLst>
          </p:cNvPr>
          <p:cNvCxnSpPr/>
          <p:nvPr>
            <p:custDataLst>
              <p:tags r:id="rId231"/>
            </p:custDataLst>
          </p:nvPr>
        </p:nvCxnSpPr>
        <p:spPr>
          <a:xfrm>
            <a:off x="5792561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BottomSeparator12">
            <a:extLst>
              <a:ext uri="{FF2B5EF4-FFF2-40B4-BE49-F238E27FC236}">
                <a16:creationId xmlns:a16="http://schemas.microsoft.com/office/drawing/2014/main" id="{9D2C9254-4387-7A07-C892-33FDA1C78605}"/>
              </a:ext>
            </a:extLst>
          </p:cNvPr>
          <p:cNvCxnSpPr/>
          <p:nvPr>
            <p:custDataLst>
              <p:tags r:id="rId232"/>
            </p:custDataLst>
          </p:nvPr>
        </p:nvCxnSpPr>
        <p:spPr>
          <a:xfrm>
            <a:off x="6219867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TB_00000000000000000000000000000000_BottomSeparator13">
            <a:extLst>
              <a:ext uri="{FF2B5EF4-FFF2-40B4-BE49-F238E27FC236}">
                <a16:creationId xmlns:a16="http://schemas.microsoft.com/office/drawing/2014/main" id="{57BC14E0-3629-0A31-D626-76A868457C6B}"/>
              </a:ext>
            </a:extLst>
          </p:cNvPr>
          <p:cNvCxnSpPr/>
          <p:nvPr>
            <p:custDataLst>
              <p:tags r:id="rId233"/>
            </p:custDataLst>
          </p:nvPr>
        </p:nvCxnSpPr>
        <p:spPr>
          <a:xfrm>
            <a:off x="6647173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TB_00000000000000000000000000000000_BottomSeparator14">
            <a:extLst>
              <a:ext uri="{FF2B5EF4-FFF2-40B4-BE49-F238E27FC236}">
                <a16:creationId xmlns:a16="http://schemas.microsoft.com/office/drawing/2014/main" id="{0AA0A6D8-9F77-F5F8-6F80-C8D22869352F}"/>
              </a:ext>
            </a:extLst>
          </p:cNvPr>
          <p:cNvCxnSpPr/>
          <p:nvPr>
            <p:custDataLst>
              <p:tags r:id="rId234"/>
            </p:custDataLst>
          </p:nvPr>
        </p:nvCxnSpPr>
        <p:spPr>
          <a:xfrm>
            <a:off x="7074478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TB_00000000000000000000000000000000_BottomSeparator15">
            <a:extLst>
              <a:ext uri="{FF2B5EF4-FFF2-40B4-BE49-F238E27FC236}">
                <a16:creationId xmlns:a16="http://schemas.microsoft.com/office/drawing/2014/main" id="{D64FD870-8516-0F16-BBC7-B719B9A20179}"/>
              </a:ext>
            </a:extLst>
          </p:cNvPr>
          <p:cNvCxnSpPr/>
          <p:nvPr>
            <p:custDataLst>
              <p:tags r:id="rId235"/>
            </p:custDataLst>
          </p:nvPr>
        </p:nvCxnSpPr>
        <p:spPr>
          <a:xfrm>
            <a:off x="7501784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TB_00000000000000000000000000000000_BottomSeparator16">
            <a:extLst>
              <a:ext uri="{FF2B5EF4-FFF2-40B4-BE49-F238E27FC236}">
                <a16:creationId xmlns:a16="http://schemas.microsoft.com/office/drawing/2014/main" id="{42B6BB71-2C7B-3D8D-A43F-33A34ECBEE26}"/>
              </a:ext>
            </a:extLst>
          </p:cNvPr>
          <p:cNvCxnSpPr/>
          <p:nvPr>
            <p:custDataLst>
              <p:tags r:id="rId236"/>
            </p:custDataLst>
          </p:nvPr>
        </p:nvCxnSpPr>
        <p:spPr>
          <a:xfrm>
            <a:off x="7929090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TB_00000000000000000000000000000000_BottomSeparator17">
            <a:extLst>
              <a:ext uri="{FF2B5EF4-FFF2-40B4-BE49-F238E27FC236}">
                <a16:creationId xmlns:a16="http://schemas.microsoft.com/office/drawing/2014/main" id="{6ED3EFB6-482A-B63D-20BC-D13884E9B919}"/>
              </a:ext>
            </a:extLst>
          </p:cNvPr>
          <p:cNvCxnSpPr/>
          <p:nvPr>
            <p:custDataLst>
              <p:tags r:id="rId237"/>
            </p:custDataLst>
          </p:nvPr>
        </p:nvCxnSpPr>
        <p:spPr>
          <a:xfrm>
            <a:off x="8356395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TB_00000000000000000000000000000000_BottomSeparator18">
            <a:extLst>
              <a:ext uri="{FF2B5EF4-FFF2-40B4-BE49-F238E27FC236}">
                <a16:creationId xmlns:a16="http://schemas.microsoft.com/office/drawing/2014/main" id="{A23CF06F-0DDE-433A-4CD1-F007BBAFBCB2}"/>
              </a:ext>
            </a:extLst>
          </p:cNvPr>
          <p:cNvCxnSpPr/>
          <p:nvPr>
            <p:custDataLst>
              <p:tags r:id="rId238"/>
            </p:custDataLst>
          </p:nvPr>
        </p:nvCxnSpPr>
        <p:spPr>
          <a:xfrm>
            <a:off x="8783701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TB_00000000000000000000000000000000_BottomSeparator19">
            <a:extLst>
              <a:ext uri="{FF2B5EF4-FFF2-40B4-BE49-F238E27FC236}">
                <a16:creationId xmlns:a16="http://schemas.microsoft.com/office/drawing/2014/main" id="{767304BD-09ED-BEC0-83B3-1F7D900974C7}"/>
              </a:ext>
            </a:extLst>
          </p:cNvPr>
          <p:cNvCxnSpPr/>
          <p:nvPr>
            <p:custDataLst>
              <p:tags r:id="rId239"/>
            </p:custDataLst>
          </p:nvPr>
        </p:nvCxnSpPr>
        <p:spPr>
          <a:xfrm>
            <a:off x="9211007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TB_00000000000000000000000000000000_BottomSeparator20">
            <a:extLst>
              <a:ext uri="{FF2B5EF4-FFF2-40B4-BE49-F238E27FC236}">
                <a16:creationId xmlns:a16="http://schemas.microsoft.com/office/drawing/2014/main" id="{D0EA0691-1B5D-61FE-E9D0-F703126F571B}"/>
              </a:ext>
            </a:extLst>
          </p:cNvPr>
          <p:cNvCxnSpPr/>
          <p:nvPr>
            <p:custDataLst>
              <p:tags r:id="rId240"/>
            </p:custDataLst>
          </p:nvPr>
        </p:nvCxnSpPr>
        <p:spPr>
          <a:xfrm>
            <a:off x="9638312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BottomSeparator21">
            <a:extLst>
              <a:ext uri="{FF2B5EF4-FFF2-40B4-BE49-F238E27FC236}">
                <a16:creationId xmlns:a16="http://schemas.microsoft.com/office/drawing/2014/main" id="{F282C4E1-4124-9642-A254-529F48F8CB65}"/>
              </a:ext>
            </a:extLst>
          </p:cNvPr>
          <p:cNvCxnSpPr/>
          <p:nvPr>
            <p:custDataLst>
              <p:tags r:id="rId241"/>
            </p:custDataLst>
          </p:nvPr>
        </p:nvCxnSpPr>
        <p:spPr>
          <a:xfrm>
            <a:off x="10065617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BottomSeparator22">
            <a:extLst>
              <a:ext uri="{FF2B5EF4-FFF2-40B4-BE49-F238E27FC236}">
                <a16:creationId xmlns:a16="http://schemas.microsoft.com/office/drawing/2014/main" id="{7E0F508E-153E-EE91-E60E-A45CC45A2925}"/>
              </a:ext>
            </a:extLst>
          </p:cNvPr>
          <p:cNvCxnSpPr/>
          <p:nvPr>
            <p:custDataLst>
              <p:tags r:id="rId242"/>
            </p:custDataLst>
          </p:nvPr>
        </p:nvCxnSpPr>
        <p:spPr>
          <a:xfrm>
            <a:off x="10492923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TB_00000000000000000000000000000000_BottomSeparator23">
            <a:extLst>
              <a:ext uri="{FF2B5EF4-FFF2-40B4-BE49-F238E27FC236}">
                <a16:creationId xmlns:a16="http://schemas.microsoft.com/office/drawing/2014/main" id="{F4D1ADDD-99A4-E966-EDF6-9B5F651D91F7}"/>
              </a:ext>
            </a:extLst>
          </p:cNvPr>
          <p:cNvCxnSpPr/>
          <p:nvPr>
            <p:custDataLst>
              <p:tags r:id="rId243"/>
            </p:custDataLst>
          </p:nvPr>
        </p:nvCxnSpPr>
        <p:spPr>
          <a:xfrm>
            <a:off x="10920229" y="2501078"/>
            <a:ext cx="0" cy="146304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9" name="OTLSHAPE_M_cfb22049f7874ee0bdc16daecc2285cb_Shape">
            <a:extLst>
              <a:ext uri="{FF2B5EF4-FFF2-40B4-BE49-F238E27FC236}">
                <a16:creationId xmlns:a16="http://schemas.microsoft.com/office/drawing/2014/main" id="{78ED72FB-C539-F9E2-E58C-7A8268683F0C}"/>
              </a:ext>
            </a:extLst>
          </p:cNvPr>
          <p:cNvSpPr/>
          <p:nvPr>
            <p:custDataLst>
              <p:tags r:id="rId244"/>
            </p:custDataLst>
          </p:nvPr>
        </p:nvSpPr>
        <p:spPr>
          <a:xfrm>
            <a:off x="9707101" y="1908242"/>
            <a:ext cx="228600" cy="254000"/>
          </a:xfrm>
          <a:prstGeom prst="downArrow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0" name="OTLSHAPE_M_fc62ba0da74d4fc49fa2333e356ead52_Shape">
            <a:extLst>
              <a:ext uri="{FF2B5EF4-FFF2-40B4-BE49-F238E27FC236}">
                <a16:creationId xmlns:a16="http://schemas.microsoft.com/office/drawing/2014/main" id="{845DA9CE-5461-33B3-55CB-0F49F07E1A7C}"/>
              </a:ext>
            </a:extLst>
          </p:cNvPr>
          <p:cNvSpPr/>
          <p:nvPr>
            <p:custDataLst>
              <p:tags r:id="rId245"/>
            </p:custDataLst>
          </p:nvPr>
        </p:nvSpPr>
        <p:spPr>
          <a:xfrm>
            <a:off x="11233193" y="1908242"/>
            <a:ext cx="228600" cy="254000"/>
          </a:xfrm>
          <a:prstGeom prst="downArrow">
            <a:avLst/>
          </a:prstGeom>
          <a:solidFill>
            <a:srgbClr val="87CA4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3" name="OTLSHAPE_M_bf01615fe7b8490d961fc28588ece318_Shape">
            <a:extLst>
              <a:ext uri="{FF2B5EF4-FFF2-40B4-BE49-F238E27FC236}">
                <a16:creationId xmlns:a16="http://schemas.microsoft.com/office/drawing/2014/main" id="{35A14F40-5FFF-9689-A141-397D7D79E6C5}"/>
              </a:ext>
            </a:extLst>
          </p:cNvPr>
          <p:cNvSpPr/>
          <p:nvPr>
            <p:custDataLst>
              <p:tags r:id="rId246"/>
            </p:custDataLst>
          </p:nvPr>
        </p:nvSpPr>
        <p:spPr>
          <a:xfrm>
            <a:off x="2503949" y="1908242"/>
            <a:ext cx="228600" cy="2540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3" name="OTLSHAPE_M_cfb22049f7874ee0bdc16daecc2285cb_Title">
            <a:extLst>
              <a:ext uri="{FF2B5EF4-FFF2-40B4-BE49-F238E27FC236}">
                <a16:creationId xmlns:a16="http://schemas.microsoft.com/office/drawing/2014/main" id="{27E79D9C-5EBB-B098-2D92-66C6BA9F723C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9527904" y="1386780"/>
            <a:ext cx="59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inspection</a:t>
            </a:r>
          </a:p>
        </p:txBody>
      </p:sp>
      <p:sp>
        <p:nvSpPr>
          <p:cNvPr id="154" name="OTLSHAPE_M_cfb22049f7874ee0bdc16daecc2285cb_Date">
            <a:extLst>
              <a:ext uri="{FF2B5EF4-FFF2-40B4-BE49-F238E27FC236}">
                <a16:creationId xmlns:a16="http://schemas.microsoft.com/office/drawing/2014/main" id="{9A077593-1657-5B15-F5B8-26AA0A70FBA8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9645125" y="172781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2</a:t>
            </a:r>
          </a:p>
        </p:txBody>
      </p:sp>
      <p:sp>
        <p:nvSpPr>
          <p:cNvPr id="156" name="OTLSHAPE_M_fc62ba0da74d4fc49fa2333e356ead52_Title">
            <a:extLst>
              <a:ext uri="{FF2B5EF4-FFF2-40B4-BE49-F238E27FC236}">
                <a16:creationId xmlns:a16="http://schemas.microsoft.com/office/drawing/2014/main" id="{DA9BBB5D-BA98-DEA6-7531-30F3CB755B88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0825142" y="1386780"/>
            <a:ext cx="105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walkthrough and approval</a:t>
            </a:r>
          </a:p>
        </p:txBody>
      </p:sp>
      <p:sp>
        <p:nvSpPr>
          <p:cNvPr id="157" name="OTLSHAPE_M_fc62ba0da74d4fc49fa2333e356ead52_Date">
            <a:extLst>
              <a:ext uri="{FF2B5EF4-FFF2-40B4-BE49-F238E27FC236}">
                <a16:creationId xmlns:a16="http://schemas.microsoft.com/office/drawing/2014/main" id="{DDE4DE4E-3290-02EB-AAB5-657BD84EC605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1184721" y="172781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6</a:t>
            </a:r>
          </a:p>
        </p:txBody>
      </p:sp>
      <p:sp>
        <p:nvSpPr>
          <p:cNvPr id="211" name="OTLSHAPE_M_bf01615fe7b8490d961fc28588ece318_Title">
            <a:extLst>
              <a:ext uri="{FF2B5EF4-FFF2-40B4-BE49-F238E27FC236}">
                <a16:creationId xmlns:a16="http://schemas.microsoft.com/office/drawing/2014/main" id="{82DB405C-AA2A-4DA9-F222-CA450BA5F4A8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2289615" y="1386780"/>
            <a:ext cx="66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molition completed</a:t>
            </a:r>
          </a:p>
        </p:txBody>
      </p:sp>
      <p:sp>
        <p:nvSpPr>
          <p:cNvPr id="212" name="OTLSHAPE_M_bf01615fe7b8490d961fc28588ece318_Date">
            <a:extLst>
              <a:ext uri="{FF2B5EF4-FFF2-40B4-BE49-F238E27FC236}">
                <a16:creationId xmlns:a16="http://schemas.microsoft.com/office/drawing/2014/main" id="{EBC58667-0BCF-EE25-951D-F8D88282DFCD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2439518" y="172781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6</a:t>
            </a:r>
          </a:p>
        </p:txBody>
      </p:sp>
      <p:sp>
        <p:nvSpPr>
          <p:cNvPr id="11" name="OTLSHAPE_M_bf01615fe7b8490d961fc28588ece318_Variance" hidden="1">
            <a:extLst>
              <a:ext uri="{FF2B5EF4-FFF2-40B4-BE49-F238E27FC236}">
                <a16:creationId xmlns:a16="http://schemas.microsoft.com/office/drawing/2014/main" id="{866D9496-4241-8242-A471-E99EB2BF43F3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-13722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29" name="OTLSHAPE_M_cfb22049f7874ee0bdc16daecc2285cb_Variance" hidden="1">
            <a:extLst>
              <a:ext uri="{FF2B5EF4-FFF2-40B4-BE49-F238E27FC236}">
                <a16:creationId xmlns:a16="http://schemas.microsoft.com/office/drawing/2014/main" id="{6D824D26-B620-BC1B-5299-93E7918F3BC9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-13722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0" name="OTLSHAPE_M_fc62ba0da74d4fc49fa2333e356ead52_Variance" hidden="1">
            <a:extLst>
              <a:ext uri="{FF2B5EF4-FFF2-40B4-BE49-F238E27FC236}">
                <a16:creationId xmlns:a16="http://schemas.microsoft.com/office/drawing/2014/main" id="{397FFEF0-C6BA-13BD-5CD9-DCBA945B45D7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-13722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0 days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6C7FC613-944E-DAB8-83CF-F4A4AA50C47B}"/>
              </a:ext>
            </a:extLst>
          </p:cNvPr>
          <p:cNvSpPr txBox="1"/>
          <p:nvPr/>
        </p:nvSpPr>
        <p:spPr>
          <a:xfrm>
            <a:off x="4739938" y="1007718"/>
            <a:ext cx="370053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Renovation timeline</a:t>
            </a:r>
          </a:p>
        </p:txBody>
      </p:sp>
      <p:pic>
        <p:nvPicPr>
          <p:cNvPr id="5" name="Picture 4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D56043E4-9E1B-662C-CC40-C6D637475A30}"/>
              </a:ext>
            </a:extLst>
          </p:cNvPr>
          <p:cNvPicPr>
            <a:picLocks noChangeAspect="1"/>
          </p:cNvPicPr>
          <p:nvPr/>
        </p:nvPicPr>
        <p:blipFill>
          <a:blip r:embed="rId2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08952" y="370961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469979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4LTAzVDAwOjAwOjAwWiIsIkVuZERhdGUiOiIyMDI2LTA4LTA0VDIzOjU5OjAwWiIsIlBlcmNlbnRhZ2VDb21wbGV0ZSI6MTAwLjA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IzNywiRyI6MTI1LCJCIjo0O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U3R5bGUiOnsiJGlkIjoiNTciLCJGb250U2V0dGluZ3MiOnsiJGlkIjoiNTgiLCJGb250U2l6ZSI6MTAsIkZvbnROYW1lIjoiQ2FsaWJyaSIsIklzQm9sZCI6ZmFsc2UsIklzSXRhbGljIjpmYWxzZSwiSXNVbmRlcmxpbmVkIjpmYWxzZSwiUGFyZW50U3R5bGUiOm51bGx9LCJBdXRvU2l6ZSI6MCwiRm9yZWdyb3VuZCI6eyIkaWQiOiI1OSIsIkNvbG9yIjp7IiRpZCI6IjYwIiwiQSI6MjU1LCJSIjowLCJHIjoxNjcsIkIiOjcwfX0sIk1heFdpZHRoIjoyMDAuMCwiTWF4SGVpZ2h0IjoiSW5maW5pdHkiLCJTbWFydEZvcmVncm91bmRJc0FjdGl2ZSI6ZmFsc2UsIkhvcml6b250YWxBbGlnbm1lbnQiOjAsIlZlcnRpY2FsQWxpZ25tZW50Ijox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GlkIjoiNjQiLCJBIjowLCJSIjoyNTUsIkciOjI1NSwiQiI6MjU1fX0sIklzVmlzaWJsZSI6dHJ1ZSwiV2lkdGgiOjAuMCwiSGVpZ2h0IjowLjAsIkJvcmRlclN0eWxlIjp7IiRpZCI6IjY1IiwiTGluZUNvbG9yIjpudWxsLCJMaW5lV2VpZ2h0IjowLjAsIkxpbmVUeXBlIjowLCJQYXJlbnRTdHlsZSI6bnVsbH0sIlBhcmVudFN0eWxlIjpudWxsfSwiRGF0ZUZvcm1hdCI6eyIkaWQiOi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dHJ1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xLCJFbmREYXRlUG9zaXRpb24iOjE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AsIkciOjE2NywiQiI6NzB9fSwiTWF4V2lkdGgiOjIwMC4wLCJNYXhIZWlnaHQiOiJJbmZpbml0eSIsIlNtYXJ0Rm9yZWdyb3VuZElzQWN0aXZlIjpmYWxzZSwiSG9yaXpvbnRhbEFsaWdubWVudCI6MCwiVmVydGljYWxBbGlnbm1lbnQiOjE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VmFyaWFuY2VTdHlsZSI6eyIkaWQiOiIxNDUiLCJUZXh0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0IiwiVG9wIjowLjAsIkxlZnQiOjAuMCwiUmlnaHQiOjAuMCwiQm90dG9tIjowLjB9LCJQYWRkaW5nIjp7IiRpZCI6IjE2NSIsIlRvcCI6MC4wLCJMZWZ0IjowLjAsIlJpZ2h0IjowLjAsIkJvdHRvbSI6MC4wfSwiQmFja2dyb3VuZCI6eyIkaWQiOiIxNjYiLCJDb2xvciI6eyIkaWQiOiIxNjciLCJBIjoyNTUsIlIiOjAsIkciOjAsIkIiOjB9fSwiSXNWaXNpYmxlIjp0cnVlLCJXaWR0aCI6MC4wLCJIZWlnaHQiOjAuMCwiQm9yZGVyU3R5bGUiOm51bGwsIlBhcmVudFN0eWxlIjpudWxsfSwiUmVjdGFuZ2xl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NjMsIlIiOjIxLCJHIjo5NiwiQiI6MTMw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UiLCJUb3AiOjAuMCwiTGVmdCI6MC4wLCJSaWdodCI6MC4wLCJCb3R0b20iOjAuMH0sIlBhZGRpbmciOnsiJGlkIjoiMjY2IiwiVG9wIjowLjAsIkxlZnQiOjAuMCwiUmlnaHQiOjAuMCwiQm90dG9tIjowLjB9LCJCYWNrZ3JvdW5kIjp7IiRpZCI6IjI2NyIsIkNvbG9yIjp7IiRpZCI6IjI2OCIsIkEiOjI1NSwiUiI6MCwiRyI6MCwiQiI6MH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I1NSwiUiI6MTQsIkciOjQwLCJCIjo2NX19LCJJc1Zpc2libGUiOnRydWUsIldpZHRoIjowLjAsIkhlaWdodCI6MC4wLCJCb3JkZXJTdHlsZSI6eyIkaWQiOiIyNzgiLCJMaW5lQ29sb3IiOm51bGwsIkxpbmVXZWlnaHQiOjAuMCwiTGluZVR5cGUiOjAsIlBhcmVudFN0eWxlIjpudWxsfSwiUGFyZW50U3R5bGUiOm51bGx9LCJEYXRlRm9ybWF0Ijp7IiRpZCI6Ij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AiLCJGb3JtYXQiOjAsIklzVmlzaWJsZSI6ZmFsc2UsIkxhc3RLbm93blZpc2liaWxpdHlTdGF0ZSI6ZmFsc2V9LCJJc1Zpc2libGUiOnRydWUsIlZhcmlhbmNlU3R5bGUiOnsiJGlkIjoiMjgxIiwiVGV4dF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wLCJSIjowLCJHIjowLCJCIjowfX0sIklzVmlzaWJsZSI6dHJ1ZSwiV2lkdGgiOjAuMCwiSGVpZ2h0IjowLjAsIkJvcmRlclN0eWxlIjp7IiRpZCI6IjI5MCIsIkxpbmVDb2xvciI6bnVsbCwiTGluZVdlaWdodCI6MC4wLCJMaW5lVHlwZSI6MCwiUGFyZW50U3R5bGUiOm51bGx9LCJQYXJlbnRTdHlsZSI6bnVsbH0sIlBhcmVudFN0eWxlIjpudWxsfSwiUGFyZW50U3R5bGUiOm51bGwsIl9leHBsaWNpdGx5U2V0Ijp7IiRpZCI6IjI5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ExLCJHIjo0OCwiQiI6NjV9fSwiSXNWaXNpYmxlIjp0cnVlLCJXaWR0aCI6MTIuMCwiSGVpZ2h0IjoxN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UaXRsZVN0eWxlIjp7IiRpZCI6IjMwNiIsIkZvbnRTZXR0aW5ncyI6eyIkaWQiOiIzMDciLCJGb250U2l6ZSI6MTEsIkZvbnROYW1lIjoiQ2FsaWJyaSIsIklzQm9sZCI6ZmFsc2UsIklzSXRhbGljIjpmYWxzZSwiSXNVbmRlcmxpbmVkIjpmYWxzZSwiUGFyZW50U3R5bGUiOm51bGx9LCJBdXRvU2l6ZSI6MCwiRm9yZWdyb3VuZCI6eyIkaWQiOiIzMDgiLCJDb2xvciI6eyIkaWQiOiIzMD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yNTUsIlIiOjAsIkciOjAsIkIiOjB9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aWQiOiIzMjIiLCJBIjoyNTUsIlIiOjE0LCJHIjo0MCwiQiI6NjV9fSwiSXNWaXNpYmxlIjp0cnVlLCJXaWR0aCI6MC4wLCJIZWlnaHQiOjAuMCwiQm9yZGVyU3R5bGUiOnsiJGlkIjoiMzIzIiwiTGluZUNvbG9yIjpudWxsLCJMaW5lV2VpZ2h0IjowLjAsIkxpbmVUeXBlIjowLCJQYXJlbnRTdHlsZSI6bnVsbH0sIlBhcmVudFN0eWxlIjpudWxsfSwiRGF0ZUZvcm1hdCI6eyIkaWQiOiIz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1IiwiRm9ybWF0IjowLCJJc1Zpc2libGUiOmZhbHNlLCJMYXN0S25vd25WaXNpYmlsaXR5U3RhdGUiOmZhbHNlfSwiSXNWaXNpYmxlIjp0cnVlLCJWYXJpYW5jZVN0eWxlIjp7IiRpZCI6IjMyNiIsIlRleHRTdHlsZSI6eyIkaWQiOiIzMjciLCJGb250U2V0dGluZ3MiOnsiJGlkIjoiMzI4IiwiRm9udFNpemUiOjExLCJGb250TmFtZSI6IkNhbGlicmkiLCJJc0JvbGQiOmZhbHNlLCJJc0l0YWxpYyI6ZmFsc2UsIklzVW5kZXJsaW5lZCI6ZmFsc2UsIlBhcmVudFN0eWxlIjpudWxsfSwiQXV0b1NpemUiOjAsIkZvcmVncm91bmQiOnsiJGlkIjoiMzI5IiwiQ29sb3IiOnsiJGlkIjoiMz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yNTUsIlIiOjAsIkciOjAsIkIiOjB9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AsIkZvbnROYW1lIjoiQ2FsaWJyaSIsIklzQm9sZCI6ZmFsc2UsIklzSXRhbGljIjpmYWxzZSwiSXNVbmRlcmxpbmVkIjpmYWxzZSwiUGFyZW50U3R5bGUiOm51bGx9LCJBdXRvU2l6ZSI6MCwiRm9yZWdyb3VuZCI6eyIkaWQiOiIzNTYiLCJDb2xvciI6eyIkaWQiOiIzNT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IiwiRm9ybWF0IjowLCJJc1Zpc2libGUiOmZhbHNlLCJMYXN0S25vd25WaXNpYmlsaXR5U3RhdGUiOmZhbHNlfSwiSXNWaXNpYmxlIjp0cnVlLCJWYXJpYW5jZVN0eWxlIjp7IiRpZCI6IjM2NSIsIlRleHRTdHlsZSI6eyIkaWQiOiIzNjYiLCJGb250U2V0dGluZ3MiOnsiJGlkIjoiMzY3IiwiRm9udFNpemUiOjExLCJGb250TmFtZSI6IkNhbGlicmkiLCJJc0JvbGQiOmZhbHNlLCJJc0l0YWxpYyI6ZmFsc2UsIklzVW5kZXJsaW5lZCI6ZmFsc2UsIlBhcmVudFN0eWxlIjpudWxsfSwiQXV0b1NpemUiOjAsIkZvcmVncm91bmQiOnsiJGlkIjoiMzY4IiwiQ29sb3IiOnsiJGlkIjoiMz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m51bGx9LCJNYXJnaW4iOnsiJGlkIjoiMzkzIiwiVG9wIjowLjAsIkxlZnQiOjAuMCwiUmlnaHQiOjAuMCwiQm90dG9tIjowLjB9LCJQYWRkaW5nIjp7IiRpZCI6IjM5NCIsIlRvcCI6MC4wLCJMZWZ0IjowLjAsIlJpZ2h0IjowLjAsIkJvdHRvbSI6MC4wfSwiQmFja2dyb3VuZCI6bnVsbCwiSXNWaXNpYmxlIjp0cnVlLCJXaWR0aCI6MC4wLCJIZWlnaHQiOjAuMCwiQm9yZGVyU3R5bGUiOm51bGwsIlBhcmVudFN0eWxlIjpudWxsfSwiQmFja2dyb3VuZF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UxLCJSIjoyMDAsIkciOjIwMCwiQiI6MjAwfX0sIklzVmlzaWJsZSI6dHJ1ZSwiV2lkdGgiOjAuMCwiSGVpZ2h0IjowLjAsIkJvcmRlclN0eWxlIjp7IiRpZCI6IjQwMCIsIkxpbmVDb2xvciI6eyIkaWQiOiI0MDEiLCIkdHlwZSI6Ik5MUkUuQ29tbW9uLkRvbS5Tb2xpZENvbG9yQnJ1c2gsIE5MUkUuQ29tbW9uIiwiQ29sb3IiOnsiJGlkIjoiNDAyIiwiQSI6MjU1LCJSIjoyMzQsIkciOjIyLCJCIjozMH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m51bGx9LCJBdXRvU2l6ZSI6MCwiRm9yZWdyb3VuZCI6eyIkaWQiOiI0MTciLCJDb2xvciI6eyIkaWQiOiI0M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4OSwiUiI6MCwiRyI6MCwiQiI6MH1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zOSIsIlNoYXB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AsIkciOjE2NywiQiI6NzB9fSwiTWF4V2lkdGgiOjIwMC4wLCJNYXhIZWlnaHQiOiJJbmZpbml0eSIsIlNtYXJ0Rm9yZWdyb3VuZElzQWN0aXZlIjpmYWxzZSwiSG9yaXpvbnRhbEFsaWdubWVudCI6MCwiVmVydGljYWxBbGlnbm1lbnQiOjE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wLCJSIjoyNTUsIkciOjI1NSwiQiI6MjU1fX0sIklzVmlzaWJsZSI6dHJ1ZSwiV2lkdGgiOjAuMCwiSGVpZ2h0IjowLjAsIkJvcmRlclN0eWxlIjp7IiRpZCI6IjQ3MiIsIkxpbmVDb2xvciI6bnVsbCwiTGluZVdlaWdodCI6MC4wLCJMaW5lVHlwZSI6MCwiUGFyZW50U3R5bGUiOm51bGx9LCJQYXJlbnRTdHlsZSI6bnVsbH0sIkRhdGVGb3JtYXQiOnsiJGlkIjoi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CIsIkZvcm1hdCI6MCwiSXNWaXNpYmxlIjpmYWxzZSwiTGFzdEtub3duVmlzaWJpbGl0eVN0YXRlIjpmYWxzZX0sIklzVmlzaWJsZSI6dHJ1ZSwiVmFyaWFuY2VTdHlsZSI6eyIkaWQiOiI0NzUiLCJUZXh0U3R5bGUiOnsiJGlkIjoiNDc2IiwiRm9udFNldHRpbmdzIjp7IiRpZCI6IjQ3NyIsIkZvbnRTaXplIjoxMSwiRm9udE5hbWUiOiJDYWxpYnJpIiwiSXNCb2xkIjpmYWxzZSwiSXNJdGFsaWMiOmZhbHNlLCJJc1VuZGVybGluZWQiOmZhbHNlLCJQYXJlbnRTdHlsZSI6bnVsbH0sIkF1dG9TaXplIjowLCJGb3JlZ3JvdW5kIjp7IiRpZCI6IjQ3OCIsIkNvbG9yIjp7IiRpZCI6IjQ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I1NSwiUiI6MCwiRyI6MCwiQiI6MH19LCJJc1Zpc2libGUiOnRydWUsIldpZHRoIjowLjAsIkhlaWdodCI6MC4wLCJCb3JkZXJTdHlsZSI6bnVsbCwiUGFyZW50U3R5bGUiOm51bGx9LCJSZWN0YW5nb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1cmF0aW9u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AiLCJGb3JtYXQiOjAsIklzVmlzaWJsZSI6ZmFsc2UsIkxhc3RLbm93blZpc2liaWxpdHlTdGF0ZSI6ZmFsc2V9LCJJc1Zpc2libGUiOnRydWUsIlZhcmlhbmNlU3R5bGUiOnsiJGlkIjoiNjExIiwiVGV4dFN0eWxlIjp7IiRpZCI6IjYxMiIsIkZvbnRTZXR0aW5ncyI6eyIkaWQiOiI2MTMiLCJGb250U2l6ZSI6MTEsIkZvbnROYW1lIjoiQ2FsaWJyaSIsIklzQm9sZCI6ZmFsc2UsIklzSXRhbGljIjpmYWxzZSwiSXNVbmRlcmxpbmVkIjpmYWxzZSwiUGFyZW50U3R5bGUiOm51bGx9LCJBdXRvU2l6ZSI6MCwiRm9yZWdyb3VuZCI6eyIkaWQiOiI2MTQiLCJDb2xvciI6eyIkaWQiOiI2M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wLCJSIjowLCJHIjowLCJCIjowfX0sIklzVmlzaWJsZSI6dHJ1ZSwiV2lkdGgiOjAuMCwiSGVpZ2h0IjowLjAsIkJvcmRlclN0eWxlIjp7IiRpZCI6IjYyMCIsIkxpbmVDb2xvciI6bnVsbCwiTGluZVdlaWdodCI6MC4wLCJMaW5lVHlwZSI6MCwiUGFyZW50U3R5bGUiOm51bGx9LCJQYXJlbnRTdHlsZSI6bnVsbH0sIlBhcmVudFN0eWxlIjpudWxsfSwiUGFyZW50U3R5bGUiOm51bGwsIl9leHBsaWNpdGx5U2V0Ijp7IiRpZCI6IjYy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Q5IiwiVG9wIjowLjAsIkxlZnQiOjAuMCwiUmlnaHQiOjAuMCwiQm90dG9tIjowLjB9LCJQYWRkaW5nIjp7IiRpZCI6IjY1MCIsIlRvcCI6MC4wLCJMZWZ0IjowLjAsIlJpZ2h0IjowLjAsIkJvdHRvbSI6MC4wfSwiQmFja2dyb3VuZCI6eyIkaWQiOiI2NTEiLCJDb2xvciI6eyIkaWQiOiI2NTIiLCJBIjoyNTUsIlIiOjE0LCJHIjo0MCwiQiI6NjV9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1IiwiRm9ybWF0IjowLCJJc1Zpc2libGUiOmZhbHNlLCJMYXN0S25vd25WaXNpYmlsaXR5U3RhdGUiOmZhbHNlfSwiSXNWaXNpYmxlIjpmYWxzZSwiVmFyaWFuY2VTdHlsZSI6eyIkaWQiOiI2NTYiLCJUZXh0U3R5bGUiOnsiJGlkIjoiNjU3IiwiRm9udFNldHRpbmdzIjp7IiRpZCI6IjY1OCIsIkZvbnRTaXplIjoxMSwiRm9udE5hbWUiOiJDYWxpYnJpIiwiSXNCb2xkIjpmYWxzZSwiSXNJdGFsaWMiOmZhbHNlLCJJc1VuZGVybGluZWQiOmZhbHNlLCJQYXJlbnRTdHlsZSI6bnVsbH0sIkF1dG9TaXplIjowLCJGb3JlZ3JvdW5kIjp7IiRpZCI6IjY1OSIsIkNvbG9yIjp7IiRpZCI6IjY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I1NSwiUiI6MTQsIkciOjQwLCJCIjo2NX19LCJJc1Zpc2libGUiOnRydWUsIldpZHRoIjowLjAsIkhlaWdodCI6MC4wLCJCb3JkZXJTdHlsZSI6eyIkaWQiOiI2OTIiLCJMaW5lQ29sb3IiOm51bGwsIkxpbmVXZWlnaHQiOjAuMCwiTGluZVR5cGUiOjAsIlBhcmVudFN0eWxlIjpudWxsfSwiUGFyZW50U3R5bGUiOm51bGx9LCJEYXRlRm9ybWF0Ijp7IiRpZCI6IjY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QiLCJGb3JtYXQiOjAsIklzVmlzaWJsZSI6ZmFsc2UsIkxhc3RLbm93blZpc2liaWxpdHlTdGF0ZSI6ZmFsc2V9LCJJc1Zpc2libGUiOnRydWUsIlZhcmlhbmNlU3R5bGUiOnsiJGlkIjoiNjk1IiwiVGV4dFN0eWxlIjp7IiRpZCI6IjY5NiIsIkZvbnRTZXR0aW5ncyI6eyIkaWQiOiI2OTciLCJGb250U2l6ZSI6MTEsIkZvbnROYW1lIjoiQ2FsaWJyaSIsIklzQm9sZCI6ZmFsc2UsIklzSXRhbGljIjpmYWxzZSwiSXNVbmRlcmxpbmVkIjpmYWxzZSwiUGFyZW50U3R5bGUiOm51bGx9LCJBdXRvU2l6ZSI6MCwiRm9yZWdyb3VuZCI6eyIkaWQiOiI2OTgiLCJDb2xvciI6eyIkaWQiOiI2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aWQiOiI4MDEiLCJBIjowLCJSIjoyNTUsIkciOjI1NSwiQiI6MjU1fX0sIklzVmlzaWJsZSI6dHJ1ZSwiV2lkdGgiOjAuMCwiSGVpZ2h0IjowLjAsIkJvcmRlclN0eWxlIjp7IiRpZCI6IjgwMiIsIkxpbmVDb2xvciI6bnVsbCwiTGluZVdlaWdodCI6MC4wLCJMaW5lVHlwZSI6MCwiUGFyZW50U3R5bGUiOm51bGx9LCJQYXJlbnRTdHlsZSI6bnVsbH0sIkRhdGVGb3JtYXQiOnsiJGlkIjoiO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CIsIkZvcm1hdCI6MCwiSXNWaXNpYmxlIjpmYWxzZSwiTGFzdEtub3duVmlzaWJpbGl0eVN0YXRlIjpmYWxzZX0sIklzVmlzaWJsZSI6dHJ1ZSwiVmFyaWFuY2VTdHlsZSI6eyIkaWQiOiI4MDUiLCJUZXh0U3R5bGUiOnsiJGlkIjoiODA2IiwiRm9udFNldHRpbmdzIjp7IiRpZCI6IjgwNyIsIkZvbnRTaXplIjoxMSwiRm9udE5hbWUiOiJDYWxpYnJpIiwiSXNCb2xkIjpmYWxzZSwiSXNJdGFsaWMiOmZhbHNlLCJJc1VuZGVybGluZWQiOmZhbHNlLCJQYXJlbnRTdHlsZSI6bnVsbH0sIkF1dG9TaXplIjowLCJGb3JlZ3JvdW5kIjp7IiRpZCI6IjgwOCIsIkNvbG9yIjp7IiRpZCI6Ijg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jYiLCJUb3AiOjAuMCwiTGVmdCI6MC4wLCJSaWdodCI6MC4wLCJCb3R0b20iOjAuMH0sIlBhZGRpbmciOnsiJGlkIjoiODI3IiwiVG9wIjowLjAsIkxlZnQiOjAuMCwiUmlnaHQiOjAuMCwiQm90dG9tIjowLjB9LCJCYWNrZ3JvdW5kIjp7IiRpZCI6IjgyOCIsIkNvbG9yIjp7IiRpZCI6IjgyOSIsIkEiOjg5LCJSIjowLCJHIjowLCJCIjowfX0sIklzVmlzaWJsZSI6dHJ1ZSwiV2lkdGgiOjAuMCwiSGVpZ2h0IjowLjAsIkJvcmRlclN0eWxlIjp7IiRpZCI6IjgzMCIsIkxpbmVDb2xvciI6bnVsbCwiTGluZVdlaWdodCI6MC4wLCJMaW5lVHlwZSI6MCwiUGFyZW50U3R5bGUiOm51bGx9LCJQYXJlbnRTdHlsZSI6bnVsbH0sIkR1cmF0aW9u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xIiwiRm9ybWF0IjowLCJJc1Zpc2libGUiOmZhbHNlLCJMYXN0S25vd25WaXNpYmlsaXR5U3RhdGUiOmZhbHNlfSwiSXNWaXNpYmxlIjp0cnVlLCJWYXJpYW5jZVN0eWxlIjp7IiRpZCI6Ijg4MiIsIlRleHRTdHlsZSI6eyIkaWQiOiI4ODMiLCJGb250U2V0dGluZ3MiOnsiJGlkIjoiODg0IiwiRm9udFNpemUiOjExLCJGb250TmFtZSI6IkNhbGlicmkiLCJJc0JvbGQiOmZhbHNlLCJJc0l0YWxpYyI6ZmFsc2UsIklzVW5kZXJsaW5lZCI6ZmFsc2UsIlBhcmVudFN0eWxlIjpudWxsfSwiQXV0b1NpemUiOjAsIkZvcmVncm91bmQiOnsiJGlkIjoiODg1IiwiQ29sb3IiOnsiJGlkIjoiOD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NyIsIkZvcm1hdCI6MCwiSXNWaXNpYmxlIjpmYWxzZSwiTGFzdEtub3duVmlzaWJpbGl0eVN0YXRlIjpmYWxzZX0sIklzVmlzaWJsZSI6dHJ1ZSwiVmFyaWFuY2VTdHlsZSI6eyIkaWQiOiIxMDE4IiwiVGV4dFN0eWxlIjp7IiRpZCI6IjEwMTkiLCJGb250U2V0dGluZ3MiOnsiJGlkIjoiMTAyMCIsIkZvbnRTaXplIjoxMSwiRm9udE5hbWUiOiJDYWxpYnJpIiwiSXNCb2xkIjpmYWxzZSwiSXNJdGFsaWMiOmZhbHNlLCJJc1VuZGVybGluZWQiOmZhbHNlLCJQYXJlbnRTdHlsZSI6bnVsbH0sIkF1dG9TaXplIjowLCJGb3JlZ3JvdW5kIjp7IiRpZCI6IjEwMjEiLCJDb2xvciI6eyIkaWQiOiIxMD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yIiwiRm9ybWF0IjowLCJJc1Zpc2libGUiOmZhbHNlLCJMYXN0S25vd25WaXNpYmlsaXR5U3RhdGUiOmZhbHNlfSwiSXNWaXNpYmxlIjpmYWxzZSwiVmFyaWFuY2VTdHlsZSI6eyIkaWQiOiIxMDYzIiwiVGV4dFN0eWxlIjp7IiRpZCI6IjEwNjQiLCJGb250U2V0dGluZ3MiOnsiJGlkIjoiMTA2NSIsIkZvbnRTaXplIjoxMSwiRm9udE5hbWUiOiJDYWxpYnJpIiwiSXNCb2xkIjpmYWxzZSwiSXNJdGFsaWMiOmZhbHNlLCJJc1VuZGVybGluZWQiOmZhbHNlLCJQYXJlbnRTdHlsZSI6bnVsbH0sIkF1dG9TaXplIjowLCJGb3JlZ3JvdW5kIjp7IiRpZCI6IjEwNjYiLCJDb2xvciI6eyIkaWQiOiIxMDY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aWQiOiIxMDk4IiwiQSI6MjU1LCJSIjoxNCwiRyI6NDAsIkIiOjY1fX0sIklzVmlzaWJsZSI6dHJ1ZSwiV2lkdGgiOjAuMCwiSGVpZ2h0IjowLjAsIkJvcmRlclN0eWxlIjp7IiRpZCI6IjEwOTkiLCJMaW5lQ29sb3IiOm51bGwsIkxpbmVXZWlnaHQiOjAuMCwiTGluZVR5cGUiOjAsIlBhcmVudFN0eWxlIjpudWxsfSwiUGFyZW50U3R5bGUiOm51bGx9LCJEYXRlRm9ybWF0Ijp7IiRpZCI6IjE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MSIsIkZvcm1hdCI6MCwiSXNWaXNpYmxlIjpmYWxzZSwiTGFzdEtub3duVmlzaWJpbGl0eVN0YXRlIjpmYWxzZX0sIklzVmlzaWJsZSI6dHJ1ZSwiVmFyaWFuY2VTdHlsZSI6eyIkaWQiOiIxMTAyIiwiVGV4dFN0eWxlIjp7IiRpZCI6IjExMDMiLCJGb250U2V0dGluZ3MiOnsiJGlkIjoiMTEwNCIsIkZvbnRTaXplIjoxMSwiRm9udE5hbWUiOiJDYWxpYnJpIiwiSXNCb2xkIjpmYWxzZSwiSXNJdGFsaWMiOmZhbHNlLCJJc1VuZGVybGluZWQiOmZhbHNlLCJQYXJlbnRTdHlsZSI6bnVsbH0sIkF1dG9TaXplIjowLCJGb3JlZ3JvdW5kIjp7IiRpZCI6IjExMDUiLCJDb2xvciI6eyIkaWQiOiIxM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SIsIkZvcm1hdCI6MCwiSXNWaXNpYmxlIjpmYWxzZSwiTGFzdEtub3duVmlzaWJpbGl0eVN0YXRlIjpmYWxzZX0sIklzVmlzaWJsZSI6dHJ1ZSwiVmFyaWFuY2VTdHlsZSI6eyIkaWQiOiIxMjEyIiwiVGV4dFN0eWxlIjp7IiRpZCI6IjEyMTMiLCJGb250U2V0dGluZ3MiOnsiJGlkIjoiMTIxNCIsIkZvbnRTaXplIjoxMSwiRm9udE5hbWUiOiJDYWxpYnJpIiwiSXNCb2xkIjpmYWxzZSwiSXNJdGFsaWMiOmZhbHNlLCJJc1VuZGVybGluZWQiOmZhbHNlLCJQYXJlbnRTdHlsZSI6bnVsbH0sIkF1dG9TaXplIjowLCJGb3JlZ3JvdW5kIjp7IiRpZCI6IjEyMTUiLCJDb2xvciI6eyIkaWQiOiIxMjE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4IiwiRm9ybWF0IjowLCJJc1Zpc2libGUiOmZhbHNlLCJMYXN0S25vd25WaXNpYmlsaXR5U3RhdGUiOmZhbHNlfSwiSXNWaXNpYmxlIjp0cnVlLCJWYXJpYW5jZVN0eWxlIjp7IiRpZCI6IjEyODkiLCJUZXh0U3R5bGUiOnsiJGlkIjoiMTI5MCIsIkZvbnRTZXR0aW5ncyI6eyIkaWQiOiIxMjkxIiwiRm9udFNpemUiOjExLCJGb250TmFtZSI6IkNhbGlicmkiLCJJc0JvbGQiOmZhbHNlLCJJc0l0YWxpYyI6ZmFsc2UsIklzVW5kZXJsaW5lZCI6ZmFsc2UsIlBhcmVudFN0eWxlIjpudWxsfSwiQXV0b1NpemUiOjAsIkZvcmVncm91bmQiOnsiJGlkIjoiMTI5MiIsIkNvbG9yIjp7IiRpZCI6IjEy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4OSwiUiI6MCwiRyI6MCwiQiI6MH19LCJJc1Zpc2libGUiOnRydWUsIldpZHRoIjowLjAsIkhlaWdodCI6MC4wLCJCb3JkZXJTdHlsZSI6eyIkaWQiOiIxMzE0IiwiTGluZUNvbG9yIjpudWxsLCJMaW5lV2VpZ2h0IjowLjAsIkxpbmVUeXBlIjowLCJQYXJlbnRTdHlsZSI6bnVsbH0sIlBhcmVudFN0eWxlIjpudWxsfSwiRHVyYXRpb25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ZhcmlhbmNlU3R5bGUiOnsiJGlkIjoiMTM2NiIsIlRleHRTdHlsZSI6eyIkaWQiOiIxMzY3IiwiRm9udFNldHRpbmdzIjp7IiRpZCI6IjEzNjgiLCJGb250U2l6ZSI6MTEsIkZvbnROYW1lIjoiQ2FsaWJyaSIsIklzQm9sZCI6ZmFsc2UsIklzSXRhbGljIjpmYWxzZSwiSXNVbmRlcmxpbmVkIjpmYWxzZSwiUGFyZW50U3R5bGUiOm51bGx9LCJBdXRvU2l6ZSI6MCwiRm9yZWdyb3VuZCI6eyIkaWQiOiIxMzY5IiwiQ29sb3IiOnsiJGlkIjoiMTM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AxIiwiRm9ybWF0IjowLCJJc1Zpc2libGUiOmZhbHNlLCJMYXN0S25vd25WaXNpYmlsaXR5U3RhdGUiOmZhbHNlfSwiSXNWaXNpYmxlIjp0cnVlLCJWYXJpYW5jZVN0eWxlIjp7IiRpZCI6IjE1MDIiLCJUZXh0U3R5bGUiOnsiJGlkIjoiMTUwMyIsIkZvbnRTZXR0aW5ncyI6eyIkaWQiOiIxNTA0IiwiRm9udFNpemUiOjExLCJGb250TmFtZSI6IkNhbGlicmkiLCJJc0JvbGQiOmZhbHNlLCJJc0l0YWxpYyI6ZmFsc2UsIklzVW5kZXJsaW5lZCI6ZmFsc2UsIlBhcmVudFN0eWxlIjpudWxsfSwiQXV0b1NpemUiOjAsIkZvcmVncm91bmQiOnsiJGlkIjoiMTUwNSIsIkNvbG9yIjp7IiRpZCI6IjE1M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aWQiOiIxNTEwIiwiQSI6MCwiUiI6MCwiRyI6MCwiQiI6MH19LCJJc1Zpc2libGUiOnRydWUsIldpZHRoIjowLjAsIkhlaWdodCI6MC4wLCJCb3JkZXJTdHlsZSI6eyIkaWQiOiIxNTExIiwiTGluZUNvbG9yIjpudWxsLCJMaW5lV2VpZ2h0IjowLjAsIkxpbmVUeXBlIjowLCJQYXJlbnRTdHlsZSI6bnVsbH0sIlBhcmVudFN0eWxlIjpudWxsfSwiUGFyZW50U3R5bGUiOm51bGx9LCJQYXJlbnRTdHlsZSI6bnVsbCwiX2V4cGxpY2l0bHlTZXQiOnsiJGlkIjoiMTUxM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DYiLCJGb3JtYXQiOjAsIklzVmlzaWJsZSI6ZmFsc2UsIkxhc3RLbm93blZpc2liaWxpdHlTdGF0ZSI6ZmFsc2V9LCJJc1Zpc2libGUiOmZhbHNlLCJWYXJpYW5jZVN0eWxlIjp7IiRpZCI6IjE1NDciLCJUZXh0U3R5bGUiOnsiJGlkIjoiMTU0OCIsIkZvbnRTZXR0aW5ncyI6eyIkaWQiOiIxNTQ5IiwiRm9udFNpemUiOjExLCJGb250TmFtZSI6IkNhbGlicmkiLCJJc0JvbGQiOmZhbHNlLCJJc0l0YWxpYyI6ZmFsc2UsIklzVW5kZXJsaW5lZCI6ZmFsc2UsIlBhcmVudFN0eWxlIjpudWxsfSwiQXV0b1NpemUiOjAsIkZvcmVncm91bmQiOnsiJGlkIjoiMTU1MCIsIkNvbG9yIjp7IiRpZCI6IjE1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4NSIsIkZvcm1hdCI6MCwiSXNWaXNpYmxlIjpmYWxzZSwiTGFzdEtub3duVmlzaWJpbGl0eVN0YXRlIjpmYWxzZX0sIklzVmlzaWJsZSI6dHJ1ZSwiVmFyaWFuY2VTdHlsZSI6eyIkaWQiOiIxNTg2IiwiVGV4dFN0eWxlIjp7IiRpZCI6IjE1ODciLCJGb250U2V0dGluZ3MiOnsiJGlkIjoiMTU4OCIsIkZvbnRTaXplIjoxMSwiRm9udE5hbWUiOiJDYWxpYnJpIiwiSXNCb2xkIjpmYWxzZSwiSXNJdGFsaWMiOmZhbHNlLCJJc1VuZGVybGluZWQiOmZhbHNlLCJQYXJlbnRTdHlsZSI6bnVsbH0sIkF1dG9TaXplIjowLCJGb3JlZ3JvdW5kIjp7IiRpZCI6IjE1ODkiLCJDb2xvciI6eyIkaWQiOiIxNT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TUiLCJGb3JtYXQiOjAsIklzVmlzaWJsZSI6ZmFsc2UsIkxhc3RLbm93blZpc2liaWxpdHlTdGF0ZSI6ZmFsc2V9LCJJc1Zpc2libGUiOnRydWUsIlZhcmlhbmNlU3R5bGUiOnsiJGlkIjoiMTY5NiIsIlRleHRTdHlsZSI6eyIkaWQiOiIxNjk3IiwiRm9udFNldHRpbmdzIjp7IiRpZCI6IjE2OTgiLCJGb250U2l6ZSI6MTEsIkZvbnROYW1lIjoiQ2FsaWJyaSIsIklzQm9sZCI6ZmFsc2UsIklzSXRhbGljIjpmYWxzZSwiSXNVbmRlcmxpbmVkIjpmYWxzZSwiUGFyZW50U3R5bGUiOm51bGx9LCJBdXRvU2l6ZSI6MCwiRm9yZWdyb3VuZCI6eyIkaWQiOiIxNjk5IiwiQ29sb3IiOnsiJGlkIjoiMTcw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CwiUiI6MjU1LCJHIjoyNTUsIkIiOjI1NX19LCJJc1Zpc2libGUiOnRydWUsIldpZHRoIjowLjAsIkhlaWdodCI6MC4wLCJCb3JkZXJTdHlsZSI6eyIkaWQiOiIxNzcwIiwiTGluZUNvbG9yIjpudWxsLCJMaW5lV2VpZ2h0IjowLjAsIkxpbmVUeXBlIjowLCJQYXJlbnRTdHlsZSI6bnVsbH0sIlBhcmVudFN0eWxlIjpudWxsfSwiRGF0ZUZvcm1hdCI6eyIkaWQiOiIx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IiLCJGb3JtYXQiOjAsIklzVmlzaWJsZSI6ZmFsc2UsIkxhc3RLbm93blZpc2liaWxpdHlTdGF0ZSI6ZmFsc2V9LCJJc1Zpc2libGUiOnRydWUsIlZhcmlhbmNlU3R5bGUiOnsiJGlkIjoiMTc3MyIsIlRleHRTdHlsZSI6eyIkaWQiOiIxNzc0IiwiRm9udFNldHRpbmdzIjp7IiRpZCI6IjE3NzUiLCJGb250U2l6ZSI6MTEsIkZvbnROYW1lIjoiQ2FsaWJyaSIsIklzQm9sZCI6ZmFsc2UsIklzSXRhbGljIjpmYWxzZSwiSXNVbmRlcmxpbmVkIjpmYWxzZSwiUGFyZW50U3R5bGUiOm51bGx9LCJBdXRvU2l6ZSI6MCwiRm9yZWdyb3VuZCI6eyIkaWQiOiIxNzc2IiwiQ29sb3IiOnsiJGlkIjoiMTc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0OSIsIkZvcm1hdCI6MCwiSXNWaXNpYmxlIjpmYWxzZSwiTGFzdEtub3duVmlzaWJpbGl0eVN0YXRlIjpmYWxzZX0sIklzVmlzaWJsZSI6dHJ1ZSwiVmFyaWFuY2VTdHlsZSI6eyIkaWQiOiIxODUwIiwiVGV4dFN0eWxlIjp7IiRpZCI6IjE4NTEiLCJGb250U2V0dGluZ3MiOnsiJGlkIjoiMTg1MiIsIkZvbnRTaXplIjoxMSwiRm9udE5hbWUiOiJDYWxpYnJpIiwiSXNCb2xkIjpmYWxzZSwiSXNJdGFsaWMiOmZhbHNlLCJJc1VuZGVybGluZWQiOmZhbHNlLCJQYXJlbnRTdHlsZSI6bnVsbH0sIkF1dG9TaXplIjowLCJGb3JlZ3JvdW5kIjp7IiRpZCI6IjE4NTMiLCJDb2xvciI6eyIkaWQiOiIxOD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DUiLCJGb3JtYXQiOjAsIklzVmlzaWJsZSI6ZmFsc2UsIkxhc3RLbm93blZpc2liaWxpdHlTdGF0ZSI6ZmFsc2V9LCJJc1Zpc2libGUiOnRydWUsIlZhcmlhbmNlU3R5bGUiOnsiJGlkIjoiMTk4NiIsIlRleHRTdHlsZSI6eyIkaWQiOiIxOTg3IiwiRm9udFNldHRpbmdzIjp7IiRpZCI6IjE5ODgiLCJGb250U2l6ZSI6MTEsIkZvbnROYW1lIjoiQ2FsaWJyaSIsIklzQm9sZCI6ZmFsc2UsIklzSXRhbGljIjpmYWxzZSwiSXNVbmRlcmxpbmVkIjpmYWxzZSwiUGFyZW50U3R5bGUiOm51bGx9LCJBdXRvU2l6ZSI6MCwiRm9yZWdyb3VuZCI6eyIkaWQiOiIxOTg5IiwiQ29sb3IiOnsiJGlkIjoiMTk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wIiwiRm9ybWF0IjowLCJJc1Zpc2libGUiOmZhbHNlLCJMYXN0S25vd25WaXNpYmlsaXR5U3RhdGUiOmZhbHNlfSwiSXNWaXNpYmxlIjp0cnVlLCJWYXJpYW5jZVN0eWxlIjp7IiRpZCI6IjIwMzEiLCJUZXh0U3R5bGUiOnsiJGlkIjoiMjAzMiIsIkZvbnRTZXR0aW5ncyI6eyIkaWQiOiIyMDMzIiwiRm9udFNpemUiOjExLCJGb250TmFtZSI6IkNhbGlicmkiLCJJc0JvbGQiOmZhbHNlLCJJc0l0YWxpYyI6ZmFsc2UsIklzVW5kZXJsaW5lZCI6ZmFsc2UsIlBhcmVudFN0eWxlIjpudWxsfSwiQXV0b1NpemUiOjAsIkZvcmVncm91bmQiOnsiJGlkIjoiMjAzNCIsIkNvbG9yIjp7IiRpZCI6IjIw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5IiwiRm9ybWF0IjowLCJJc1Zpc2libGUiOmZhbHNlLCJMYXN0S25vd25WaXNpYmlsaXR5U3RhdGUiOmZhbHNlfSwiSXNWaXNpYmxlIjp0cnVlLCJWYXJpYW5jZVN0eWxlIjp7IiRpZCI6IjIwNzAiLCJUZXh0U3R5bGUiOnsiJGlkIjoiMjA3MSIsIkZvbnRTZXR0aW5ncyI6eyIkaWQiOiIyMDcyIiwiRm9udFNpemUiOjExLCJGb250TmFtZSI6IkNhbGlicmkiLCJJc0JvbGQiOmZhbHNlLCJJc0l0YWxpYyI6ZmFsc2UsIklzVW5kZXJsaW5lZCI6ZmFsc2UsIlBhcmVudFN0eWxlIjpudWxsfSwiQXV0b1NpemUiOjAsIkZvcmVncm91bmQiOnsiJGlkIjoiMjA3MyIsIkNvbG9yIjp7IiRpZCI6IjIw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NCIsIkZvcm1hdCI6MCwiSXNWaXNpYmxlIjpmYWxzZSwiTGFzdEtub3duVmlzaWJpbGl0eVN0YXRlIjpmYWxzZX0sIklzVmlzaWJsZSI6dHJ1ZSwiVmFyaWFuY2VTdHlsZSI6eyIkaWQiOiIyMjU1IiwiVGV4dFN0eWxlIjp7IiRpZCI6IjIyNTYiLCJGb250U2V0dGluZ3MiOnsiJGlkIjoiMjI1NyIsIkZvbnRTaXplIjoxMSwiRm9udE5hbWUiOiJDYWxpYnJpIiwiSXNCb2xkIjpmYWxzZSwiSXNJdGFsaWMiOmZhbHNlLCJJc1VuZGVybGluZWQiOmZhbHNlLCJQYXJlbnRTdHlsZSI6bnVsbH0sIkF1dG9TaXplIjowLCJGb3JlZ3JvdW5kIjp7IiRpZCI6IjIyNTgiLCJDb2xvciI6eyIkaWQiOiIyMj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k4IiwiRm9ybWF0IjowLCJJc1Zpc2libGUiOmZhbHNlLCJMYXN0S25vd25WaXNpYmlsaXR5U3RhdGUiOmZhbHNlfSwiSXNWaXNpYmxlIjp0cnVlLCJWYXJpYW5jZVN0eWxlIjp7IiRpZCI6IjIyOTkiLCJUZXh0U3R5bGUiOnsiJGlkIjoiMjMwMCIsIkZvbnRTZXR0aW5ncyI6eyIkaWQiOiIyMzAxIiwiRm9udFNpemUiOjExLCJGb250TmFtZSI6IkNhbGlicmkiLCJJc0JvbGQiOmZhbHNlLCJJc0l0YWxpYyI6ZmFsc2UsIklzVW5kZXJsaW5lZCI6ZmFsc2UsIlBhcmVudFN0eWxlIjpudWxsfSwiQXV0b1NpemUiOjAsIkZvcmVncm91bmQiOnsiJGlkIjoiMjMwMiIsIkNvbG9yIjp7IiRpZCI6IjIzM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MiIsIkZvcm1hdCI6MCwiSXNWaXNpYmxlIjpmYWxzZSwiTGFzdEtub3duVmlzaWJpbGl0eVN0YXRlIjpmYWxzZX0sIklzVmlzaWJsZSI6dHJ1ZSwiVmFyaWFuY2VTdHlsZSI6eyIkaWQiOiIyMzczIiwiVGV4dFN0eWxlIjp7IiRpZCI6IjIzNzQiLCJGb250U2V0dGluZ3MiOnsiJGlkIjoiMjM3NSIsIkZvbnRTaXplIjoxMSwiRm9udE5hbWUiOiJDYWxpYnJpIiwiSXNCb2xkIjpmYWxzZSwiSXNJdGFsaWMiOmZhbHNlLCJJc1VuZGVybGluZWQiOmZhbHNlLCJQYXJlbnRTdHlsZSI6bnVsbH0sIkF1dG9TaXplIjowLCJGb3JlZ3JvdW5kIjp7IiRpZCI6IjIzNzYiLCJDb2xvciI6eyIkaWQiOiIyMz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MSIsIkZvcm1hdCI6MCwiSXNWaXNpYmxlIjpmYWxzZSwiTGFzdEtub3duVmlzaWJpbGl0eVN0YXRlIjpmYWxzZX0sIklzVmlzaWJsZSI6dHJ1ZSwiVmFyaWFuY2VTdHlsZSI6eyIkaWQiOiIyNTAyIiwiVGV4dFN0eWxlIjp7IiRpZCI6IjI1MDMiLCJGb250U2V0dGluZ3MiOnsiJGlkIjoiMjUwNCIsIkZvbnRTaXplIjoxMSwiRm9udE5hbWUiOiJDYWxpYnJpIiwiSXNCb2xkIjpmYWxzZSwiSXNJdGFsaWMiOmZhbHNlLCJJc1VuZGVybGluZWQiOmZhbHNlLCJQYXJlbnRTdHlsZSI6bnVsbH0sIkF1dG9TaXplIjowLCJGb3JlZ3JvdW5kIjp7IiRpZCI6IjI1MDUiLCJDb2xvciI6eyIkaWQiOiIyN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TQsIkciOjQwLCJCIjo2NX19LCJJc1Zpc2libGUiOnRydWUsIldpZHRoIjowLjAsIkhlaWdodCI6MC4wLCJCb3JkZXJTdHlsZSI6eyIkaWQiOiIyNTQ0IiwiTGluZUNvbG9yIjpudWxsLCJMaW5lV2VpZ2h0IjowLjAsIkxpbmVUeXBlIjowLCJQYXJlbnRTdHlsZSI6bnVsbH0sIlBhcmVudFN0eWxlIjpudWxsfSwiRGF0ZUZvcm1hdCI6eyIkaWQiOiIy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DYiLCJGb3JtYXQiOjAsIklzVmlzaWJsZSI6ZmFsc2UsIkxhc3RLbm93blZpc2liaWxpdHlTdGF0ZSI6ZmFsc2V9LCJJc1Zpc2libGUiOnRydWUsIlZhcmlhbmNlU3R5bGUiOnsiJGlkIjoiMjU0NyIsIlRleHRTdHlsZSI6eyIkaWQiOiIyNTQ4IiwiRm9udFNldHRpbmdzIjp7IiRpZCI6IjI1NDkiLCJGb250U2l6ZSI6MTEsIkZvbnROYW1lIjoiQ2FsaWJyaSIsIklzQm9sZCI6ZmFsc2UsIklzSXRhbGljIjpmYWxzZSwiSXNVbmRlcmxpbmVkIjpmYWxzZSwiUGFyZW50U3R5bGUiOm51bGx9LCJBdXRvU2l6ZSI6MCwiRm9yZWdyb3VuZCI6eyIkaWQiOiIyNTUwIiwiQ29sb3IiOnsiJGlkIjoiMjU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DUiLCJGb3JtYXQiOjAsIklzVmlzaWJsZSI6ZmFsc2UsIkxhc3RLbm93blZpc2liaWxpdHlTdGF0ZSI6ZmFsc2V9LCJJc1Zpc2libGUiOnRydWUsIlZhcmlhbmNlU3R5bGUiOnsiJGlkIjoiMjU4NiIsIlRleHRTdHlsZSI6eyIkaWQiOiIyNTg3IiwiRm9udFNldHRpbmdzIjp7IiRpZCI6IjI1ODgiLCJGb250U2l6ZSI6MTEsIkZvbnROYW1lIjoiQ2FsaWJyaSIsIklzQm9sZCI6ZmFsc2UsIklzSXRhbGljIjpmYWxzZSwiSXNVbmRlcmxpbmVkIjpmYWxzZSwiUGFyZW50U3R5bGUiOm51bGx9LCJBdXRvU2l6ZSI6MCwiRm9yZWdyb3VuZCI6eyIkaWQiOiIyNTg5IiwiQ29sb3IiOnsiJGlkIjoiMjU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jEiLCJGb3JtYXQiOjAsIklzVmlzaWJsZSI6ZmFsc2UsIkxhc3RLbm93blZpc2liaWxpdHlTdGF0ZSI6ZmFsc2V9LCJJc1Zpc2libGUiOnRydWUsIlZhcmlhbmNlU3R5bGUiOnsiJGlkIjoiMjcyMiIsIlRleHRTdHlsZSI6eyIkaWQiOiIyNzIzIiwiRm9udFNldHRpbmdzIjp7IiRpZCI6IjI3MjQiLCJGb250U2l6ZSI6MTEsIkZvbnROYW1lIjoiQ2FsaWJyaSIsIklzQm9sZCI6ZmFsc2UsIklzSXRhbGljIjpmYWxzZSwiSXNVbmRlcmxpbmVkIjpmYWxzZSwiUGFyZW50U3R5bGUiOm51bGx9LCJBdXRvU2l6ZSI6MCwiRm9yZWdyb3VuZCI6eyIkaWQiOiIyNzI1IiwiQ29sb3IiOnsiJGlkIjoiMjc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Y2IiwiRm9ybWF0IjowLCJJc1Zpc2libGUiOmZhbHNlLCJMYXN0S25vd25WaXNpYmlsaXR5U3RhdGUiOmZhbHNlfSwiSXNWaXNpYmxlIjpmYWxzZSwiVmFyaWFuY2VTdHlsZSI6eyIkaWQiOiIyNzY3IiwiVGV4dFN0eWxlIjp7IiRpZCI6IjI3NjgiLCJGb250U2V0dGluZ3MiOnsiJGlkIjoiMjc2OSIsIkZvbnRTaXplIjoxMSwiRm9udE5hbWUiOiJDYWxpYnJpIiwiSXNCb2xkIjpmYWxzZSwiSXNJdGFsaWMiOmZhbHNlLCJJc1VuZGVybGluZWQiOmZhbHNlLCJQYXJlbnRTdHlsZSI6bnVsbH0sIkF1dG9TaXplIjowLCJGb3JlZ3JvdW5kIjp7IiRpZCI6IjI3NzAiLCJDb2xvciI6eyIkaWQiOiIyNz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DUiLCJGb3JtYXQiOjAsIklzVmlzaWJsZSI6ZmFsc2UsIkxhc3RLbm93blZpc2liaWxpdHlTdGF0ZSI6ZmFsc2V9LCJJc1Zpc2libGUiOnRydWUsIlZhcmlhbmNlU3R5bGUiOnsiJGlkIjoiMjgwNiIsIlRleHRTdHlsZSI6eyIkaWQiOiIyODA3IiwiRm9udFNldHRpbmdzIjp7IiRpZCI6IjI4MDgiLCJGb250U2l6ZSI6MTEsIkZvbnROYW1lIjoiQ2FsaWJyaSIsIklzQm9sZCI6ZmFsc2UsIklzSXRhbGljIjpmYWxzZSwiSXNVbmRlcmxpbmVkIjpmYWxzZSwiUGFyZW50U3R5bGUiOm51bGx9LCJBdXRvU2l6ZSI6MCwiRm9yZWdyb3VuZCI6eyIkaWQiOiIyODA5IiwiQ29sb3IiOnsiJGlkIjoiMjgx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0MSIsIkZvcm1hdCI6MCwiSXNWaXNpYmxlIjpmYWxzZSwiTGFzdEtub3duVmlzaWJpbGl0eVN0YXRlIjpmYWxzZX0sIklzVmlzaWJsZSI6dHJ1ZSwiVmFyaWFuY2VTdHlsZSI6eyIkaWQiOiIyOTQyIiwiVGV4dFN0eWxlIjp7IiRpZCI6IjI5NDMiLCJGb250U2V0dGluZ3MiOnsiJGlkIjoiMjk0NCIsIkZvbnRTaXplIjoxMSwiRm9udE5hbWUiOiJDYWxpYnJpIiwiSXNCb2xkIjpmYWxzZSwiSXNJdGFsaWMiOmZhbHNlLCJJc1VuZGVybGluZWQiOmZhbHNlLCJQYXJlbnRTdHlsZSI6bnVsbH0sIkF1dG9TaXplIjowLCJGb3JlZ3JvdW5kIjp7IiRpZCI6IjI5NDUiLCJDb2xvciI6eyIkaWQiOiIyOT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g2IiwiRm9ybWF0IjowLCJJc1Zpc2libGUiOmZhbHNlLCJMYXN0S25vd25WaXNpYmlsaXR5U3RhdGUiOmZhbHNlfSwiSXNWaXNpYmxlIjpmYWxzZSwiVmFyaWFuY2VTdHlsZSI6eyIkaWQiOiIyOTg3IiwiVGV4dFN0eWxlIjp7IiRpZCI6IjI5ODgiLCJGb250U2V0dGluZ3MiOnsiJGlkIjoiMjk4OSIsIkZvbnRTaXplIjoxMSwiRm9udE5hbWUiOiJDYWxpYnJpIiwiSXNCb2xkIjpmYWxzZSwiSXNJdGFsaWMiOmZhbHNlLCJJc1VuZGVybGluZWQiOmZhbHNlLCJQYXJlbnRTdHlsZSI6bnVsbH0sIkF1dG9TaXplIjowLCJGb3JlZ3JvdW5kIjp7IiRpZCI6IjI5OTAiLCJDb2xvciI6eyIkaWQiOiIyOTk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yNSIsIkZvcm1hdCI6MCwiSXNWaXNpYmxlIjpmYWxzZSwiTGFzdEtub3duVmlzaWJpbGl0eVN0YXRlIjpmYWxzZX0sIklzVmlzaWJsZSI6dHJ1ZSwiVmFyaWFuY2VTdHlsZSI6eyIkaWQiOiIzMDI2IiwiVGV4dFN0eWxlIjp7IiRpZCI6IjMwMjciLCJGb250U2V0dGluZ3MiOnsiJGlkIjoiMzAyOCIsIkZvbnRTaXplIjoxMSwiRm9udE5hbWUiOiJDYWxpYnJpIiwiSXNCb2xkIjpmYWxzZSwiSXNJdGFsaWMiOmZhbHNlLCJJc1VuZGVybGluZWQiOmZhbHNlLCJQYXJlbnRTdHlsZSI6bnVsbH0sIkF1dG9TaXplIjowLCJGb3JlZ3JvdW5kIjp7IiRpZCI6IjMwMjkiLCJDb2xvciI6eyIkaWQiOiIzMD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MSIsIkZvcm1hdCI6MCwiSXNWaXNpYmxlIjpmYWxzZSwiTGFzdEtub3duVmlzaWJpbGl0eVN0YXRlIjpmYWxzZX0sIklzVmlzaWJsZSI6dHJ1ZSwiVmFyaWFuY2VTdHlsZSI6eyIkaWQiOiIzMTYyIiwiVGV4dFN0eWxlIjp7IiRpZCI6IjMxNjMiLCJGb250U2V0dGluZ3MiOnsiJGlkIjoiMzE2NCIsIkZvbnRTaXplIjoxMSwiRm9udE5hbWUiOiJDYWxpYnJpIiwiSXNCb2xkIjpmYWxzZSwiSXNJdGFsaWMiOmZhbHNlLCJJc1VuZGVybGluZWQiOmZhbHNlLCJQYXJlbnRTdHlsZSI6bnVsbH0sIkF1dG9TaXplIjowLCJGb3JlZ3JvdW5kIjp7IiRpZCI6IjMxNjUiLCJDb2xvciI6eyIkaWQiOiIzMT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A2IiwiRm9ybWF0IjowLCJJc1Zpc2libGUiOmZhbHNlLCJMYXN0S25vd25WaXNpYmlsaXR5U3RhdGUiOmZhbHNlfSwiSXNWaXNpYmxlIjpmYWxzZSwiVmFyaWFuY2VTdHlsZSI6eyIkaWQiOiIzMjA3IiwiVGV4dFN0eWxlIjp7IiRpZCI6IjMyMDgiLCJGb250U2V0dGluZ3MiOnsiJGlkIjoiMzIwOSIsIkZvbnRTaXplIjoxMSwiRm9udE5hbWUiOiJDYWxpYnJpIiwiSXNCb2xkIjpmYWxzZSwiSXNJdGFsaWMiOmZhbHNlLCJJc1VuZGVybGluZWQiOmZhbHNlLCJQYXJlbnRTdHlsZSI6bnVsbH0sIkF1dG9TaXplIjowLCJGb3JlZ3JvdW5kIjp7IiRpZCI6IjMyMTAiLCJDb2xvciI6eyIkaWQiOiIzMj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DUiLCJGb3JtYXQiOjAsIklzVmlzaWJsZSI6ZmFsc2UsIkxhc3RLbm93blZpc2liaWxpdHlTdGF0ZSI6ZmFsc2V9LCJJc1Zpc2libGUiOnRydWUsIlZhcmlhbmNlU3R5bGUiOnsiJGlkIjoiMzI0NiIsIlRleHRTdHlsZSI6eyIkaWQiOiIzMjQ3IiwiRm9udFNldHRpbmdzIjp7IiRpZCI6IjMyNDgiLCJGb250U2l6ZSI6MTEsIkZvbnROYW1lIjoiQ2FsaWJyaSIsIklzQm9sZCI6ZmFsc2UsIklzSXRhbGljIjpmYWxzZSwiSXNVbmRlcmxpbmVkIjpmYWxzZSwiUGFyZW50U3R5bGUiOm51bGx9LCJBdXRvU2l6ZSI6MCwiRm9yZWdyb3VuZCI6eyIkaWQiOiIzMjQ5IiwiQ29sb3IiOnsiJGlkIjoiMzI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DYiLCJGb3JtYXQiOjAsIklzVmlzaWJsZSI6ZmFsc2UsIkxhc3RLbm93blZpc2liaWxpdHlTdGF0ZSI6ZmFsc2V9LCJJc1Zpc2libGUiOnRydWUsIlZhcmlhbmNlU3R5bGUiOnsiJGlkIjoiMzM4NyIsIlRleHRTdHlsZSI6eyIkaWQiOiIzMzg4IiwiRm9udFNldHRpbmdzIjp7IiRpZCI6IjMzODkiLCJGb250U2l6ZSI6MTEsIkZvbnROYW1lIjoiQ2FsaWJyaSIsIklzQm9sZCI6ZmFsc2UsIklzSXRhbGljIjpmYWxzZSwiSXNVbmRlcmxpbmVkIjpmYWxzZSwiUGFyZW50U3R5bGUiOm51bGx9LCJBdXRvU2l6ZSI6MCwiRm9yZWdyb3VuZCI6eyIkaWQiOiIzMzkwIiwiQ29sb3IiOnsiJGlkIjoiMzM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NCIsIkZvcm1hdCI6MCwiSXNWaXNpYmxlIjpmYWxzZSwiTGFzdEtub3duVmlzaWJpbGl0eVN0YXRlIjpmYWxzZX0sIklzVmlzaWJsZSI6dHJ1ZSwiVmFyaWFuY2VTdHlsZSI6eyIkaWQiOiIzNDM1IiwiVGV4dFN0eWxlIjp7IiRpZCI6IjM0MzYiLCJGb250U2V0dGluZ3MiOnsiJGlkIjoiMzQzNyIsIkZvbnRTaXplIjoxMSwiRm9udE5hbWUiOiJDYWxpYnJpIiwiSXNCb2xkIjpmYWxzZSwiSXNJdGFsaWMiOmZhbHNlLCJJc1VuZGVybGluZWQiOmZhbHNlLCJQYXJlbnRTdHlsZSI6bnVsbH0sIkF1dG9TaXplIjowLCJGb3JlZ3JvdW5kIjp7IiRpZCI6IjM0MzgiLCJDb2xvciI6eyIkaWQiOiIzN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4MiIsIkZvcm1hdCI6MCwiSXNWaXNpYmxlIjpmYWxzZSwiTGFzdEtub3duVmlzaWJpbGl0eVN0YXRlIjpmYWxzZX0sIklzVmlzaWJsZSI6dHJ1ZSwiVmFyaWFuY2VTdHlsZSI6eyIkaWQiOiIzNDgzIiwiVGV4dFN0eWxlIjp7IiRpZCI6IjM0ODQiLCJGb250U2V0dGluZ3MiOnsiJGlkIjoiMzQ4NSIsIkZvbnRTaXplIjoxMSwiRm9udE5hbWUiOiJDYWxpYnJpIiwiSXNCb2xkIjpmYWxzZSwiSXNJdGFsaWMiOmZhbHNlLCJJc1VuZGVybGluZWQiOmZhbHNlLCJQYXJlbnRTdHlsZSI6bnVsbH0sIkF1dG9TaXplIjowLCJGb3JlZ3JvdW5kIjp7IiRpZCI6IjM0ODYiLCJDb2xvciI6eyIkaWQiOiIzND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RTk3MTMyXCJdIn0sIlNldHRpbmdzIjp7IiRpZCI6IjM0OTgiLCJJbXBhT3B0aW9ucyI6eyIkaWQiOiIzNDk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UwMCIsIlVzZVRpbWUiOmZhbHNlLCJXb3JrRGF5U3RhcnQiOiIwMDowMDowMCIsIldvcmtEYXlFbmQiOiIyMzo1OTowMCJ9LCJMYXN0VXNlZFRlbXBsYXRlSWQiOiIwMDAwMDAwMC0wMDAwLTAwMDAtMDAwMC0wMDAwMDAwMDAwMDAiLCJMYXN0VXNlZFRoZW1lRGV0YWlscyI6eyIkaWQiOiIzNTAxIiwiSWQiOiIwNDg3MTViMC1kNTc4LTRjMmYtYTMyNi04ODE4YmUyNDcyNDkiLCJUaXRsZSI6IkJhc2VsaW5lIiwiQ2F0ZWdvcnkiOjF9LCJGaXJzdFdlZWtPZlllYXIiOjAsIlBsYWNlTWlsZXN0b25lQXRUaGVCZWdpbm5pbmdPZlRoZURheSI6ZmFsc2UsIkRlcGVuZGVuY3lTY2hlZHVsaW5nU2V0dGluZ3MiOnsiJGlkIjoiMzUw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adc1049-b783-4364-85e9-92cca81634e6"/>
  <p:tag name="OTLDEPDESTINATIONID" val="50322f39-d948-437d-9ad5-9e4fc4d1c8a1"/>
  <p:tag name="OTLDEPENDENCYLAGUNIT" val="Undefined"/>
  <p:tag name="OTLDEPENDENCYLAGVALUE" val="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0322f39-d948-437d-9ad5-9e4fc4d1c8a1"/>
  <p:tag name="OTLDEPDESTINATIONID" val="6e8ff157-1ede-4173-bdd3-c6415d4bf695"/>
  <p:tag name="OTLDEPENDENCYLAGUNIT" val="Undefined"/>
  <p:tag name="OTLDEPENDENCYLAGVALUE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e8ff157-1ede-4173-bdd3-c6415d4bf695"/>
  <p:tag name="OTLDEPDESTINATIONID" val="1f15bda9-8b91-41f6-9561-c858f6493dc6"/>
  <p:tag name="OTLDEPENDENCYLAGUNIT" val="Undefined"/>
  <p:tag name="OTLDEPENDENCYLAGVALUE" val="0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f15bda9-8b91-41f6-9561-c858f6493dc6"/>
  <p:tag name="OTLDEPDESTINATIONID" val="09e35f18-fef6-4b99-8c75-5a0aaca05cda"/>
  <p:tag name="OTLDEPENDENCYLAGUNIT" val="Undefined"/>
  <p:tag name="OTLDEPENDENCYLAGVALUE" val="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9e35f18-fef6-4b99-8c75-5a0aaca05cda"/>
  <p:tag name="OTLDEPDESTINATIONID" val="c5add207-98a8-49ca-be90-8ee7473d6906"/>
  <p:tag name="OTLDEPENDENCYLAGUNIT" val="Undefined"/>
  <p:tag name="OTLDEPENDENCYLAGVALUE" val="0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9e35f18-fef6-4b99-8c75-5a0aaca05cda"/>
  <p:tag name="OTLDEPDESTINATIONID" val="fe30d8fd-96d2-4f32-a185-63da29cb31b4"/>
  <p:tag name="OTLDEPENDENCYLAGUNIT" val="Undefined"/>
  <p:tag name="OTLDEPENDENCYLAGVALUE" val="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9e35f18-fef6-4b99-8c75-5a0aaca05cda"/>
  <p:tag name="OTLDEPDESTINATIONID" val="0eea1d34-b96e-4b46-9f9b-71d9c1583eed"/>
  <p:tag name="OTLDEPENDENCYLAGUNIT" val="Undefined"/>
  <p:tag name="OTLDEPENDENCYLAGVALUE" val="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eea1d34-b96e-4b46-9f9b-71d9c1583eed"/>
  <p:tag name="OTLDEPDESTINATIONID" val="f1871cb8-ead9-4c9a-9ab2-883a2f49e010"/>
  <p:tag name="OTLDEPENDENCYLAGUNIT" val="Undefined"/>
  <p:tag name="OTLDEPENDENCYLAGVALUE" val="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1871cb8-ead9-4c9a-9ab2-883a2f49e010"/>
  <p:tag name="OTLDEPDESTINATIONID" val="e15fa74d-05eb-44b7-bc46-df284fa73e7e"/>
  <p:tag name="OTLDEPENDENCYLAGUNIT" val="Undefined"/>
  <p:tag name="OTLDEPENDENCYLAGVALUE" val="0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15fa74d-05eb-44b7-bc46-df284fa73e7e"/>
  <p:tag name="OTLDEPDESTINATIONID" val="9cecb66d-b788-42e6-aff2-3caea10c8ba1"/>
  <p:tag name="OTLDEPENDENCYLAGUNIT" val="Undefined"/>
  <p:tag name="OTLDEPENDENCYLAGVALUE" val="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Years"/>
  <p:tag name="OTLTIMEBANDENDDATE" val="2027-01-16T23:59:00.0000000"/>
  <p:tag name="OTLTIMEBANDDEPSCHEDULINGMODE" val="Flexibl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irst inspection"/>
  <p:tag name="OTLBASELINEDATE" val="2025-12-22T23:59:00.0000000"/>
  <p:tag name="OTLDATE" val="2026-12-22T23:59:00.0000000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walkthrough and approval"/>
  <p:tag name="OTLPOSITIONONTASK" val="None"/>
  <p:tag name="OTLRELATEDTASKID" val="00000000-0000-0000-0000-000000000000"/>
  <p:tag name="OTLBASELINEDATE" val="2026-01-16T23:59:00.0000000"/>
  <p:tag name="OTLDATE" val="2027-01-16T23:59:00.000000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molition completed"/>
  <p:tag name="OTLBASELINEDATE" val="2025-08-26T23:59:00.0000000"/>
  <p:tag name="OTLPOSITIONONTASK" val="None"/>
  <p:tag name="OTLRELATEDTASKID" val="00000000-0000-0000-0000-000000000000"/>
  <p:tag name="OTLDATE" val="2026-08-26T23:59:00.0000000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Months"/>
  <p:tag name="OTLTIMEBANDSCALEFORMAT" val="MMM"/>
  <p:tag name="OTLTIMEBANDENDDATE" val="2027-01-16T23:59:00.0000000"/>
  <p:tag name="OTLTIMEBANDDEPSCHEDULINGMODE" val="Flexibl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Weeks"/>
  <p:tag name="OTLTIMEBANDSCALEFORMAT" val="w"/>
  <p:tag name="OTLTIMEBANDENDDATE" val="2027-01-16T23:59:00.0000000"/>
  <p:tag name="OTLTIMEBANDDEPSCHEDULINGMODE" val="Flexibl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PERCENTAGE" val="100"/>
  <p:tag name="OTLBASELINESTARTDATE" val="2025-08-03T00:00:00.0000000"/>
  <p:tag name="OTLBASELINEENDDATE" val="2025-08-04T23:59:00.0000000"/>
  <p:tag name="OTLSTARTDATE" val="2026-08-03T00:00:00.0000000Z"/>
  <p:tag name="OTLENDDATE" val="2026-08-04T23:59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PERCENTAGE" val="100"/>
  <p:tag name="OTLBASELINESTARTDATE" val="2025-08-05T00:00:00.0000000"/>
  <p:tag name="OTLBASELINEENDDATE" val="2025-08-13T23:59:00.0000000"/>
  <p:tag name="OTLSTARTDATE" val="2026-08-05T00:00:00.0000000Z"/>
  <p:tag name="OTLENDDATE" val="2026-08-13T23:59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09-04T00:00:00.0000000"/>
  <p:tag name="OTLBASELINEENDDATE" val="2025-09-15T23:59:00.0000000"/>
  <p:tag name="OTLSTARTDATE" val="2026-09-04T00:00:00.0000000Z"/>
  <p:tag name="OTLENDDATE" val="2026-09-15T23:59:00.0000000Z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09-23T00:00:00.0000000"/>
  <p:tag name="OTLBASELINEENDDATE" val="2025-10-12T23:59:00.0000000"/>
  <p:tag name="OTLSTARTDATE" val="2026-09-23T00:00:00.0000000Z"/>
  <p:tag name="OTLENDDATE" val="2026-10-12T23:59:00.0000000Z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10-20T00:00:00.0000000"/>
  <p:tag name="OTLBASELINEENDDATE" val="2025-10-31T23:59:00.0000000"/>
  <p:tag name="OTLSTARTDATE" val="2026-10-20T00:00:00.0000000Z"/>
  <p:tag name="OTLENDDATE" val="2026-10-31T23:59:00.0000000Z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10-22T00:00:00.0000000"/>
  <p:tag name="OTLBASELINEENDDATE" val="2025-11-10T23:59:00.0000000"/>
  <p:tag name="OTLSTARTDATE" val="2026-10-22T00:00:00.0000000Z"/>
  <p:tag name="OTLENDDATE" val="2026-11-10T23:59:00.0000000Z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11-15T00:00:00.0000000"/>
  <p:tag name="OTLBASELINEENDDATE" val="2025-11-25T23:59:00.0000000"/>
  <p:tag name="OTLSTARTDATE" val="2026-11-15T00:00:00.0000000Z"/>
  <p:tag name="OTLENDDATE" val="2026-11-25T23:59:00.0000000Z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12-01T00:00:00.0000000"/>
  <p:tag name="OTLBASELINEENDDATE" val="2025-12-15T23:59:00.0000000"/>
  <p:tag name="OTLSTARTDATE" val="2026-12-01T00:00:00.0000000Z"/>
  <p:tag name="OTLENDDATE" val="2026-12-15T23:59:00.0000000Z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STARTDATE" val="2025-12-16T00:00:00.0000000"/>
  <p:tag name="OTLBASELINEENDDATE" val="2025-12-22T23:59:00.0000000"/>
  <p:tag name="OTLSTARTDATE" val="2026-12-16T00:00:00.0000000Z"/>
  <p:tag name="OTLENDDATE" val="2026-12-22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STARTDATE" val="2027-01-07T00:00:00.0000000Z"/>
  <p:tag name="OTLENDDATE" val="2027-01-12T23:59:00.0000000Z"/>
  <p:tag name="OTLBASELINESTARTDATE" val="2026-01-07T00:00:00.0000000"/>
  <p:tag name="OTLBASELINEENDDATE" val="2026-01-12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60"/>
  <p:tag name="OTLDURATIONFORMAT" val="day"/>
  <p:tag name="OTLSPACING" val="3"/>
  <p:tag name="OTLSHAPETHICKNESSTYPE" val="Thin"/>
  <p:tag name="OTLBASELINEENDDATE" val="2025-08-26T23:59:00.0000000"/>
  <p:tag name="OTLBASELINESTARTDATE" val="2025-08-14T00:00:00.0000000"/>
  <p:tag name="OTLSTARTDATE" val="2026-08-14T00:00:00.0000000Z"/>
  <p:tag name="OTLENDDATE" val="2026-08-26T23:59:00.0000000Z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5</Words>
  <Application>Microsoft Office PowerPoint</Application>
  <PresentationFormat>Widescreen</PresentationFormat>
  <Paragraphs>10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3-03T13:20:39Z</dcterms:created>
  <dcterms:modified xsi:type="dcterms:W3CDTF">2026-03-03T13:24:30Z</dcterms:modified>
</cp:coreProperties>
</file>